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tables/table4.xml" ContentType="application/vnd.openxmlformats-officedocument.spreadsheetml.table+xml"/>
  <Override PartName="/xl/tables/table5.xml" ContentType="application/vnd.openxmlformats-officedocument.spreadsheetml.table+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522"/>
  <workbookPr updateLinks="never" codeName="ThisWorkbook" defaultThemeVersion="166925"/>
  <mc:AlternateContent xmlns:mc="http://schemas.openxmlformats.org/markup-compatibility/2006">
    <mc:Choice Requires="x15">
      <x15ac:absPath xmlns:x15ac="http://schemas.microsoft.com/office/spreadsheetml/2010/11/ac" url="https://caltrans.sharepoint.com/sites/DOTHQAllTeam-EnterpriseRiskManagement/Shared Documents/Enterprise Risk Management/2023 Organizational Risk Assessment/Pre work package/"/>
    </mc:Choice>
  </mc:AlternateContent>
  <xr:revisionPtr revIDLastSave="96" documentId="8_{43796A7D-0E24-449C-8A68-6CEEDC6EB444}" xr6:coauthVersionLast="47" xr6:coauthVersionMax="47" xr10:uidLastSave="{44720D43-EC67-4BA6-B46B-B24DB2FA3DEE}"/>
  <bookViews>
    <workbookView xWindow="-120" yWindow="-120" windowWidth="29040" windowHeight="15840" firstSheet="5" xr2:uid="{16369B8B-8C8A-4B86-9A9F-D676D1376F19}"/>
  </bookViews>
  <sheets>
    <sheet name="2023 RA Register" sheetId="1" r:id="rId1"/>
    <sheet name="Risk Register Instructions" sheetId="3" r:id="rId2"/>
    <sheet name="Likelihood Scales" sheetId="4" r:id="rId3"/>
    <sheet name="Impact Scales" sheetId="5" r:id="rId4"/>
    <sheet name="Velocity Scale" sheetId="6" r:id="rId5"/>
    <sheet name="Menu Options" sheetId="2" r:id="rId6"/>
  </sheets>
  <externalReferences>
    <externalReference r:id="rId7"/>
    <externalReference r:id="rId8"/>
  </externalReferences>
  <definedNames>
    <definedName name="Area1" localSheetId="1">[1]!Table1[Areas1]</definedName>
    <definedName name="Area1">#REF!</definedName>
    <definedName name="Areas2" localSheetId="1">[1]!Table2[Areas2]</definedName>
    <definedName name="Areas2">#REF!</definedName>
    <definedName name="OLE_LINK2" localSheetId="1">'Risk Register Instructions'!$A$2</definedName>
    <definedName name="OLE_LINK3" localSheetId="1">'Risk Register Instructions'!$B$2</definedName>
    <definedName name="_xlnm.Print_Titles" localSheetId="0">'2023 RA Register'!$1:$1</definedName>
    <definedName name="Status">[2]Parameters!$E$2:$E$3</definedName>
    <definedName name="Strategies">[2]Strategies!$A$1:$A$7</definedName>
    <definedName name="what">[2]Strategies!$I$11:$I$13</definedName>
    <definedName name="where">[2]Strategies!$F$11:$F$12</definedName>
    <definedName name="who">[2]Strategies!$D$11:$D$13</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43" uniqueCount="215">
  <si>
    <r>
      <t xml:space="preserve">Submitted By: </t>
    </r>
    <r>
      <rPr>
        <u/>
        <sz val="16"/>
        <color theme="1"/>
        <rFont val="Century Gothic"/>
        <family val="2"/>
      </rPr>
      <t>District or HQ Progam -</t>
    </r>
    <r>
      <rPr>
        <b/>
        <u/>
        <sz val="16"/>
        <color theme="1"/>
        <rFont val="Century Gothic"/>
        <family val="2"/>
      </rPr>
      <t xml:space="preserve"> Dropdown Menu</t>
    </r>
  </si>
  <si>
    <r>
      <t xml:space="preserve">Submitted by: </t>
    </r>
    <r>
      <rPr>
        <u/>
        <sz val="16"/>
        <color rgb="FF000000"/>
        <rFont val="Century Gothic"/>
        <family val="2"/>
      </rPr>
      <t xml:space="preserve">subsection of Districts or Programs, ex: </t>
    </r>
    <r>
      <rPr>
        <b/>
        <u/>
        <sz val="16"/>
        <color rgb="FF000000"/>
        <rFont val="Century Gothic"/>
        <family val="2"/>
      </rPr>
      <t>D9</t>
    </r>
    <r>
      <rPr>
        <u/>
        <sz val="16"/>
        <color rgb="FF000000"/>
        <rFont val="Century Gothic"/>
        <family val="2"/>
      </rPr>
      <t xml:space="preserve"> Project Delivery - </t>
    </r>
    <r>
      <rPr>
        <b/>
        <u/>
        <sz val="16"/>
        <color rgb="FF000000"/>
        <rFont val="Century Gothic"/>
        <family val="2"/>
      </rPr>
      <t>Type in your location below</t>
    </r>
  </si>
  <si>
    <t>*If &lt;risk&gt; occurs, then in may lead to &lt;impact&gt;.*
Opportunity or Threat Risk Statement</t>
  </si>
  <si>
    <r>
      <rPr>
        <sz val="12"/>
        <color theme="1"/>
        <rFont val="Century Gothic"/>
        <family val="2"/>
      </rPr>
      <t>*Why are we talking about this? What else do we need to know?*</t>
    </r>
    <r>
      <rPr>
        <b/>
        <u/>
        <sz val="16"/>
        <color theme="1"/>
        <rFont val="Century Gothic"/>
        <family val="2"/>
      </rPr>
      <t xml:space="preserve">
Context: Scope, Purpose, Assets, Limitations, etc.</t>
    </r>
  </si>
  <si>
    <t>Type (O/T)</t>
  </si>
  <si>
    <t>Likelihood</t>
  </si>
  <si>
    <t>Financial Impact</t>
  </si>
  <si>
    <t>Reputation Impact</t>
  </si>
  <si>
    <t>Operations Impact</t>
  </si>
  <si>
    <t>Life Safety Impact</t>
  </si>
  <si>
    <t>Velocity</t>
  </si>
  <si>
    <r>
      <rPr>
        <sz val="12"/>
        <color theme="1"/>
        <rFont val="Century Gothic"/>
        <family val="2"/>
      </rPr>
      <t>*What's currenlty in place to make sure good things happen and bad things don't?*</t>
    </r>
    <r>
      <rPr>
        <b/>
        <u/>
        <sz val="16"/>
        <color theme="1"/>
        <rFont val="Century Gothic"/>
        <family val="2"/>
      </rPr>
      <t xml:space="preserve">
Existing Controls</t>
    </r>
  </si>
  <si>
    <r>
      <rPr>
        <sz val="12"/>
        <color theme="1"/>
        <rFont val="Century Gothic"/>
        <family val="2"/>
      </rPr>
      <t>*How can we best impact sustainable change? Think Innovatively and consider intelligent risk taking*</t>
    </r>
    <r>
      <rPr>
        <b/>
        <u/>
        <sz val="16"/>
        <color theme="1"/>
        <rFont val="Century Gothic"/>
        <family val="2"/>
      </rPr>
      <t xml:space="preserve">
Response Ideas and Possible Influence</t>
    </r>
  </si>
  <si>
    <r>
      <rPr>
        <sz val="12"/>
        <color theme="1"/>
        <rFont val="Century Gothic"/>
        <family val="2"/>
      </rPr>
      <t>*Who's responsible for addressing this risk?*</t>
    </r>
    <r>
      <rPr>
        <b/>
        <sz val="16"/>
        <color theme="1"/>
        <rFont val="Century Gothic"/>
        <family val="2"/>
      </rPr>
      <t xml:space="preserve">
</t>
    </r>
    <r>
      <rPr>
        <b/>
        <u/>
        <sz val="16"/>
        <color theme="1"/>
        <rFont val="Century Gothic"/>
        <family val="2"/>
      </rPr>
      <t>Primary Risk Owner</t>
    </r>
  </si>
  <si>
    <t>Additional Risk Owners (Please Write In)</t>
  </si>
  <si>
    <t>BEGIN BELOW THIS ROW</t>
  </si>
  <si>
    <r>
      <rPr>
        <b/>
        <sz val="14"/>
        <color rgb="FF000000"/>
        <rFont val="Century Gothic"/>
        <family val="2"/>
      </rPr>
      <t xml:space="preserve">PRIOR TO ADDING  TO THIS RISK REGISTER 
</t>
    </r>
    <r>
      <rPr>
        <sz val="14"/>
        <color rgb="FF000000"/>
        <rFont val="Century Gothic"/>
        <family val="2"/>
      </rPr>
      <t xml:space="preserve">PLEASE GO TO THE "EDITING" BUTTON ON THE RIBBON AND SELECT FROM THE DROP-DOWN MENU: 
</t>
    </r>
    <r>
      <rPr>
        <b/>
        <sz val="14"/>
        <color rgb="FF000000"/>
        <rFont val="Century Gothic"/>
        <family val="2"/>
      </rPr>
      <t>"</t>
    </r>
    <r>
      <rPr>
        <b/>
        <sz val="14"/>
        <color rgb="FFED7D31"/>
        <rFont val="Century Gothic"/>
        <family val="2"/>
      </rPr>
      <t>OPEN IN DESKTOP APP</t>
    </r>
    <r>
      <rPr>
        <b/>
        <sz val="14"/>
        <color rgb="FF000000"/>
        <rFont val="Century Gothic"/>
        <family val="2"/>
      </rPr>
      <t xml:space="preserve">"
ONCE YOU'VE </t>
    </r>
    <r>
      <rPr>
        <b/>
        <sz val="14"/>
        <color rgb="FFED7D31"/>
        <rFont val="Century Gothic"/>
        <family val="2"/>
      </rPr>
      <t>OPENED IN DESKTOP APP</t>
    </r>
    <r>
      <rPr>
        <b/>
        <sz val="14"/>
        <color rgb="FF000000"/>
        <rFont val="Century Gothic"/>
        <family val="2"/>
      </rPr>
      <t xml:space="preserve"> YOU CAN ADD TO THE RISK REGISTER, CLOSE, AND IT WILL SAVE AUTOMATICALLY.
THIS ALLOWS FOR ONE LOCATION AND MULTIPLE USAGE AT THE SAME TIME, THANK YOU.</t>
    </r>
  </si>
  <si>
    <t>Introduction</t>
  </si>
  <si>
    <t xml:space="preserve">Please fill out the attached risk register in accordance with the instructions below. 
All columns should be filled out as indicated. </t>
  </si>
  <si>
    <t xml:space="preserve">To ensure data integrity and consistency, the worksheet has been modified to prevent the addition or deletion  of rows and columns.  
Three “additional notes” columns have been added to provide additional space for any added comments or observations. </t>
  </si>
  <si>
    <t xml:space="preserve">Because it is important to ensure that the data we collect is standardized across subject groups, 
we cannot accept any register that has been modified from our original design. </t>
  </si>
  <si>
    <t xml:space="preserve"> If you have any comments or concerns, or if you need assistance,
 please feel free to contact your Enterprise Risk Management (RMS) liaison.  </t>
  </si>
  <si>
    <t>Risk Statement (Column A)</t>
  </si>
  <si>
    <t xml:space="preserve">From your perspective, identify the enterprise-level, strategic opportunities and threats that Caltrans faces. 
The risk statement is the core piece of information for both opportunities and threats—a basic statement of a potential cause and effect relationship, as explained more below. </t>
  </si>
  <si>
    <t>A quality risk statement has three components and a strong element of uncertainty, following the structure:</t>
  </si>
  <si>
    <t>“As a result of &lt;cause&gt;, if &lt;risk&gt; occurs, then it could lead to &lt;effect&gt;.”</t>
  </si>
  <si>
    <t xml:space="preserve">       Definition:</t>
  </si>
  <si>
    <t>Examples:</t>
  </si>
  <si>
    <r>
      <t>The ‘</t>
    </r>
    <r>
      <rPr>
        <sz val="12"/>
        <color rgb="FF0070C0"/>
        <rFont val="Century Gothic"/>
        <family val="2"/>
      </rPr>
      <t>cause</t>
    </r>
    <r>
      <rPr>
        <sz val="12"/>
        <color theme="1"/>
        <rFont val="Century Gothic"/>
        <family val="2"/>
      </rPr>
      <t xml:space="preserve">’ is the </t>
    </r>
    <r>
      <rPr>
        <u/>
        <sz val="12"/>
        <color theme="1"/>
        <rFont val="Century Gothic"/>
        <family val="2"/>
      </rPr>
      <t>root cause</t>
    </r>
    <r>
      <rPr>
        <sz val="12"/>
        <color theme="1"/>
        <rFont val="Century Gothic"/>
        <family val="2"/>
      </rPr>
      <t>.</t>
    </r>
  </si>
  <si>
    <t>The dog is allowed to run freely in the house, and it often knocks over the space heater.</t>
  </si>
  <si>
    <r>
      <t>The ‘</t>
    </r>
    <r>
      <rPr>
        <sz val="12"/>
        <color rgb="FF0070C0"/>
        <rFont val="Century Gothic"/>
        <family val="2"/>
      </rPr>
      <t>risk</t>
    </r>
    <r>
      <rPr>
        <sz val="12"/>
        <color theme="1"/>
        <rFont val="Century Gothic"/>
        <family val="2"/>
      </rPr>
      <t xml:space="preserve">’ is the </t>
    </r>
    <r>
      <rPr>
        <u/>
        <sz val="12"/>
        <color theme="1"/>
        <rFont val="Century Gothic"/>
        <family val="2"/>
      </rPr>
      <t>uncertain event</t>
    </r>
    <r>
      <rPr>
        <sz val="12"/>
        <color theme="1"/>
        <rFont val="Century Gothic"/>
        <family val="2"/>
      </rPr>
      <t>.</t>
    </r>
  </si>
  <si>
    <t>A fire</t>
  </si>
  <si>
    <r>
      <t>The ‘</t>
    </r>
    <r>
      <rPr>
        <sz val="12"/>
        <color rgb="FF0070C0"/>
        <rFont val="Century Gothic"/>
        <family val="2"/>
      </rPr>
      <t>effect</t>
    </r>
    <r>
      <rPr>
        <sz val="12"/>
        <color theme="1"/>
        <rFont val="Century Gothic"/>
        <family val="2"/>
      </rPr>
      <t xml:space="preserve">’ is the </t>
    </r>
    <r>
      <rPr>
        <u/>
        <sz val="12"/>
        <color theme="1"/>
        <rFont val="Century Gothic"/>
        <family val="2"/>
      </rPr>
      <t>potential impact</t>
    </r>
    <r>
      <rPr>
        <sz val="12"/>
        <color theme="1"/>
        <rFont val="Century Gothic"/>
        <family val="2"/>
      </rPr>
      <t>.</t>
    </r>
  </si>
  <si>
    <t>The house burning down.</t>
  </si>
  <si>
    <r>
      <t xml:space="preserve">“As a result of </t>
    </r>
    <r>
      <rPr>
        <sz val="12"/>
        <color theme="8" tint="-0.249977111117893"/>
        <rFont val="Century Gothic"/>
        <family val="2"/>
      </rPr>
      <t>the dog being allowed to run freely in the house, the space heater often gets knocked over</t>
    </r>
    <r>
      <rPr>
        <sz val="12"/>
        <color theme="1"/>
        <rFont val="Century Gothic"/>
        <family val="2"/>
      </rPr>
      <t xml:space="preserve">. If </t>
    </r>
    <r>
      <rPr>
        <sz val="12"/>
        <color theme="8" tint="-0.249977111117893"/>
        <rFont val="Century Gothic"/>
        <family val="2"/>
      </rPr>
      <t>a fire occurs</t>
    </r>
    <r>
      <rPr>
        <sz val="12"/>
        <color theme="1"/>
        <rFont val="Century Gothic"/>
        <family val="2"/>
      </rPr>
      <t xml:space="preserve"> because of this, </t>
    </r>
    <r>
      <rPr>
        <sz val="12"/>
        <color theme="8" tint="-0.249977111117893"/>
        <rFont val="Century Gothic"/>
        <family val="2"/>
      </rPr>
      <t>then the house could burn down</t>
    </r>
    <r>
      <rPr>
        <sz val="12"/>
        <color theme="1"/>
        <rFont val="Century Gothic"/>
        <family val="2"/>
      </rPr>
      <t xml:space="preserve">.” </t>
    </r>
  </si>
  <si>
    <t>•	   This statement can be  a long phrase or multiple sentences if necessary but try for clear and concise statements.</t>
  </si>
  <si>
    <t>•	   As an alternative, a risk statement can also be written in a two part “if-then” structure, with the root cause implied but not outwardly stated. For example:</t>
  </si>
  <si>
    <r>
      <t>o	   “</t>
    </r>
    <r>
      <rPr>
        <i/>
        <sz val="12"/>
        <color theme="1"/>
        <rFont val="Century Gothic"/>
        <family val="2"/>
      </rPr>
      <t>If a fire occurs, then the house could burn down</t>
    </r>
    <r>
      <rPr>
        <sz val="12"/>
        <color theme="1"/>
        <rFont val="Century Gothic"/>
        <family val="2"/>
      </rPr>
      <t>.”</t>
    </r>
  </si>
  <si>
    <t xml:space="preserve">o	   It would then be important to expand upon the root cause in the context column of the risk register. </t>
  </si>
  <si>
    <t>Risk statements must be based in root causes. Also, if they are phrased with potential risk response actions in mind (and documented in a risk register), that will support their use for the development of the Goals, Strategies, Performance Measures, and Action Steps of Caltrans’ 2020 Strategic Plan. Such phrasing also makes easier the creation of risk response actions to address the risk.</t>
  </si>
  <si>
    <r>
      <t>§</t>
    </r>
    <r>
      <rPr>
        <sz val="7"/>
        <color theme="1"/>
        <rFont val="Times New Roman"/>
        <family val="1"/>
      </rPr>
      <t xml:space="preserve">  </t>
    </r>
    <r>
      <rPr>
        <sz val="11"/>
        <color theme="1"/>
        <rFont val="Calibri"/>
        <family val="2"/>
        <scheme val="minor"/>
      </rPr>
      <t xml:space="preserve">Example        </t>
    </r>
  </si>
  <si>
    <r>
      <t>o</t>
    </r>
    <r>
      <rPr>
        <sz val="7"/>
        <color theme="1"/>
        <rFont val="Times New Roman"/>
        <family val="1"/>
      </rPr>
      <t xml:space="preserve">   </t>
    </r>
    <r>
      <rPr>
        <sz val="11"/>
        <color theme="1"/>
        <rFont val="Calibri"/>
        <family val="2"/>
        <scheme val="minor"/>
      </rPr>
      <t>NO: “If Caltrans does not take a take a leadership role in innovation...”</t>
    </r>
  </si>
  <si>
    <r>
      <t>o</t>
    </r>
    <r>
      <rPr>
        <sz val="7"/>
        <color theme="1"/>
        <rFont val="Times New Roman"/>
        <family val="1"/>
      </rPr>
      <t xml:space="preserve">   </t>
    </r>
    <r>
      <rPr>
        <sz val="11"/>
        <color theme="1"/>
        <rFont val="Calibri"/>
        <family val="2"/>
        <scheme val="minor"/>
      </rPr>
      <t>YES: “If Caltrans does not put systems in place to drive innovative activities…”</t>
    </r>
  </si>
  <si>
    <r>
      <t>o</t>
    </r>
    <r>
      <rPr>
        <sz val="7"/>
        <color theme="1"/>
        <rFont val="Times New Roman"/>
        <family val="1"/>
      </rPr>
      <t xml:space="preserve">   </t>
    </r>
    <r>
      <rPr>
        <sz val="11"/>
        <color theme="1"/>
        <rFont val="Calibri"/>
        <family val="2"/>
        <scheme val="minor"/>
      </rPr>
      <t>NO: “If Caltrans does not address homeless encampments in the right of way…”</t>
    </r>
  </si>
  <si>
    <r>
      <t>o</t>
    </r>
    <r>
      <rPr>
        <sz val="7"/>
        <color theme="1"/>
        <rFont val="Times New Roman"/>
        <family val="1"/>
      </rPr>
      <t xml:space="preserve">   </t>
    </r>
    <r>
      <rPr>
        <sz val="11"/>
        <color theme="1"/>
        <rFont val="Calibri"/>
        <family val="2"/>
        <scheme val="minor"/>
      </rPr>
      <t>YES: “If Caltrans does not make a plan and set policy regarding encampments in the right of way…”</t>
    </r>
  </si>
  <si>
    <t>Avoid words and phrases that are ambiguous. Avoid themes that outline best practices of existing activities. Avoid passive themes.</t>
  </si>
  <si>
    <r>
      <t>·</t>
    </r>
    <r>
      <rPr>
        <sz val="7"/>
        <color theme="1"/>
        <rFont val="Times New Roman"/>
        <family val="1"/>
      </rPr>
      <t xml:space="preserve">         </t>
    </r>
    <r>
      <rPr>
        <sz val="11"/>
        <color theme="1"/>
        <rFont val="Calibri"/>
        <family val="2"/>
        <scheme val="minor"/>
      </rPr>
      <t>Become a leader…</t>
    </r>
  </si>
  <si>
    <r>
      <t>·</t>
    </r>
    <r>
      <rPr>
        <sz val="7"/>
        <color theme="1"/>
        <rFont val="Times New Roman"/>
        <family val="1"/>
      </rPr>
      <t xml:space="preserve">         </t>
    </r>
    <r>
      <rPr>
        <sz val="11"/>
        <color theme="1"/>
        <rFont val="Calibri"/>
        <family val="2"/>
        <scheme val="minor"/>
      </rPr>
      <t>Take a leadership role…</t>
    </r>
  </si>
  <si>
    <r>
      <t>·</t>
    </r>
    <r>
      <rPr>
        <sz val="7"/>
        <color theme="1"/>
        <rFont val="Times New Roman"/>
        <family val="1"/>
      </rPr>
      <t xml:space="preserve">         </t>
    </r>
    <r>
      <rPr>
        <sz val="11"/>
        <color theme="1"/>
        <rFont val="Calibri"/>
        <family val="2"/>
        <scheme val="minor"/>
      </rPr>
      <t>Better address…</t>
    </r>
  </si>
  <si>
    <r>
      <t>·</t>
    </r>
    <r>
      <rPr>
        <sz val="7"/>
        <color theme="1"/>
        <rFont val="Times New Roman"/>
        <family val="1"/>
      </rPr>
      <t xml:space="preserve">         </t>
    </r>
    <r>
      <rPr>
        <sz val="11"/>
        <color theme="1"/>
        <rFont val="Calibri"/>
        <family val="2"/>
        <scheme val="minor"/>
      </rPr>
      <t>Change the way we…</t>
    </r>
  </si>
  <si>
    <r>
      <t>·</t>
    </r>
    <r>
      <rPr>
        <sz val="7"/>
        <color theme="1"/>
        <rFont val="Times New Roman"/>
        <family val="1"/>
      </rPr>
      <t xml:space="preserve">         </t>
    </r>
    <r>
      <rPr>
        <sz val="11"/>
        <color theme="1"/>
        <rFont val="Calibri"/>
        <family val="2"/>
        <scheme val="minor"/>
      </rPr>
      <t>Enhance…</t>
    </r>
  </si>
  <si>
    <r>
      <t>·</t>
    </r>
    <r>
      <rPr>
        <sz val="7"/>
        <color theme="1"/>
        <rFont val="Times New Roman"/>
        <family val="1"/>
      </rPr>
      <t xml:space="preserve">         </t>
    </r>
    <r>
      <rPr>
        <sz val="11"/>
        <color theme="1"/>
        <rFont val="Calibri"/>
        <family val="2"/>
        <scheme val="minor"/>
      </rPr>
      <t>Promote…</t>
    </r>
  </si>
  <si>
    <r>
      <t>·</t>
    </r>
    <r>
      <rPr>
        <sz val="7"/>
        <color theme="1"/>
        <rFont val="Times New Roman"/>
        <family val="1"/>
      </rPr>
      <t xml:space="preserve">         </t>
    </r>
    <r>
      <rPr>
        <sz val="11"/>
        <color theme="1"/>
        <rFont val="Calibri"/>
        <family val="2"/>
        <scheme val="minor"/>
      </rPr>
      <t>Encourage…</t>
    </r>
  </si>
  <si>
    <r>
      <t>·</t>
    </r>
    <r>
      <rPr>
        <sz val="7"/>
        <color theme="1"/>
        <rFont val="Times New Roman"/>
        <family val="1"/>
      </rPr>
      <t xml:space="preserve">         </t>
    </r>
    <r>
      <rPr>
        <b/>
        <sz val="12"/>
        <color theme="1"/>
        <rFont val="Century Gothic"/>
        <family val="2"/>
      </rPr>
      <t>Context (Column B)</t>
    </r>
  </si>
  <si>
    <t>When identifying opportunities and threats, it is important to capture the context in which they exist. This helps non-experts better understand the risks (opportunities and threats), and helps experts align their views of the risk together. Examples of context include:</t>
  </si>
  <si>
    <r>
      <t>o</t>
    </r>
    <r>
      <rPr>
        <sz val="7"/>
        <color theme="1"/>
        <rFont val="Times New Roman"/>
        <family val="1"/>
      </rPr>
      <t xml:space="preserve">   </t>
    </r>
    <r>
      <rPr>
        <sz val="12"/>
        <color theme="1"/>
        <rFont val="Century Gothic"/>
        <family val="2"/>
      </rPr>
      <t>The purpose of the activity, change, decision, or group the risks relate to</t>
    </r>
  </si>
  <si>
    <r>
      <t>o</t>
    </r>
    <r>
      <rPr>
        <sz val="7"/>
        <color theme="1"/>
        <rFont val="Times New Roman"/>
        <family val="1"/>
      </rPr>
      <t xml:space="preserve">   </t>
    </r>
    <r>
      <rPr>
        <sz val="12"/>
        <color theme="1"/>
        <rFont val="Century Gothic"/>
        <family val="2"/>
      </rPr>
      <t>Current controls such as laws, policies, contracts, etc.</t>
    </r>
  </si>
  <si>
    <r>
      <t>o</t>
    </r>
    <r>
      <rPr>
        <sz val="7"/>
        <color theme="1"/>
        <rFont val="Times New Roman"/>
        <family val="1"/>
      </rPr>
      <t xml:space="preserve">   </t>
    </r>
    <r>
      <rPr>
        <sz val="12"/>
        <color theme="1"/>
        <rFont val="Century Gothic"/>
        <family val="2"/>
      </rPr>
      <t>The physical, social, and economic environment</t>
    </r>
  </si>
  <si>
    <r>
      <t>o</t>
    </r>
    <r>
      <rPr>
        <sz val="7"/>
        <color theme="1"/>
        <rFont val="Times New Roman"/>
        <family val="1"/>
      </rPr>
      <t xml:space="preserve">   </t>
    </r>
    <r>
      <rPr>
        <sz val="12"/>
        <color theme="1"/>
        <rFont val="Century Gothic"/>
        <family val="2"/>
      </rPr>
      <t>Assets, liabilities, mandates, and limitations</t>
    </r>
  </si>
  <si>
    <t>The total context of an opportunity or threat is too large to capture here, but the most important pieces of context can be captured in short phrases, single words, or small sentences, such as: “activity’s goal is compile list of assets needing repair”, or “DP-004, DP-011, and DP-035”, or “specifically required by SB 1”, or “poor morale”, or “related skillset in high demand”.</t>
  </si>
  <si>
    <r>
      <t>·</t>
    </r>
    <r>
      <rPr>
        <sz val="7"/>
        <color theme="1"/>
        <rFont val="Times New Roman"/>
        <family val="1"/>
      </rPr>
      <t xml:space="preserve">         </t>
    </r>
    <r>
      <rPr>
        <b/>
        <sz val="12"/>
        <color theme="1"/>
        <rFont val="Century Gothic"/>
        <family val="2"/>
      </rPr>
      <t>Identify as an Opportunity or Threat (Column C)</t>
    </r>
  </si>
  <si>
    <t>An opportunity is a risk with potential positive results; one that could help us better achieve our intended outcomes. A threat is a risk with potential negative results; one that could hinder our pursuit of our mission. Double check each proposed risk statement to see that it clearly matches how you’ve identified it here.</t>
  </si>
  <si>
    <t>Many risks can be phrased either way, since there are threats inherent in not taking advantage of an opportunity, and opportunities to remove or mitigate a threat. However, most risks have a more natural fit as opportunity or threat.</t>
  </si>
  <si>
    <t>If a situation has both threats and opportunities (as is common), feel free to write multiple statements.</t>
  </si>
  <si>
    <r>
      <t>·</t>
    </r>
    <r>
      <rPr>
        <sz val="7"/>
        <color theme="1"/>
        <rFont val="Times New Roman"/>
        <family val="1"/>
      </rPr>
      <t xml:space="preserve">         </t>
    </r>
    <r>
      <rPr>
        <b/>
        <sz val="12"/>
        <color theme="1"/>
        <rFont val="Century Gothic"/>
        <family val="2"/>
      </rPr>
      <t>Scoring Likelihood, Impact, and Velocity [5-point scale] (Columns D-F)</t>
    </r>
  </si>
  <si>
    <r>
      <t>o</t>
    </r>
    <r>
      <rPr>
        <sz val="7"/>
        <color theme="1"/>
        <rFont val="Times New Roman"/>
        <family val="1"/>
      </rPr>
      <t xml:space="preserve">   </t>
    </r>
    <r>
      <rPr>
        <sz val="12"/>
        <color theme="1"/>
        <rFont val="Century Gothic"/>
        <family val="2"/>
      </rPr>
      <t>The likelihood score relates to how likely, probable, or possible an event is while in its current state without removing or adding any controls or making any other kind of response.</t>
    </r>
  </si>
  <si>
    <r>
      <rPr>
        <sz val="12"/>
        <color rgb="FF000000"/>
        <rFont val="Courier New"/>
        <family val="3"/>
      </rPr>
      <t>o</t>
    </r>
    <r>
      <rPr>
        <sz val="7"/>
        <color rgb="FF000000"/>
        <rFont val="Times New Roman"/>
        <family val="1"/>
      </rPr>
      <t xml:space="preserve">   </t>
    </r>
    <r>
      <rPr>
        <sz val="12"/>
        <color rgb="FF000000"/>
        <rFont val="Century Gothic"/>
        <family val="2"/>
      </rPr>
      <t>There are four impact subscales (Financial, Reputation, Operations, Life Safety). Each impact subscale measures the severity (either positive or negative) of the outcome from the threat or opportunity. Rate one or more, as many as you are comfortable doing.</t>
    </r>
  </si>
  <si>
    <r>
      <t>o</t>
    </r>
    <r>
      <rPr>
        <sz val="7"/>
        <color theme="1"/>
        <rFont val="Times New Roman"/>
        <family val="1"/>
      </rPr>
      <t xml:space="preserve">   </t>
    </r>
    <r>
      <rPr>
        <sz val="12"/>
        <color theme="1"/>
        <rFont val="Century Gothic"/>
        <family val="2"/>
      </rPr>
      <t>The velocity score measures how rapidly decisions regarding this risk ought to be made.</t>
    </r>
  </si>
  <si>
    <t>Each of these scores is measured on a simple 5-point scale, with 1 referring to the least- and 5 referring to the most-likely/impactful/rapidly approaching.</t>
  </si>
  <si>
    <t>For opportunities, we are measuring how likely it is that the opportunity will occur/be realized and how positively its realization will help Caltrans’ ability to accomplish its goals.</t>
  </si>
  <si>
    <t>For threats we are measuring how likely it is that the threat will occur and how negatively that will hinder Caltrans’ ability to achieve its goals. It is vital to repeatedly tie this scoring back to Caltrans’ scope and goals because many folks will naturally shift to their functional unit’s scope and goals.</t>
  </si>
  <si>
    <t>DOIRSM has included guidance tables that may help while assigning scores, attached.</t>
  </si>
  <si>
    <r>
      <t>·</t>
    </r>
    <r>
      <rPr>
        <sz val="7"/>
        <color theme="1"/>
        <rFont val="Times New Roman"/>
        <family val="1"/>
      </rPr>
      <t xml:space="preserve">         </t>
    </r>
    <r>
      <rPr>
        <b/>
        <sz val="12"/>
        <color theme="1"/>
        <rFont val="Century Gothic"/>
        <family val="2"/>
      </rPr>
      <t>Existing Controls (Column G)</t>
    </r>
  </si>
  <si>
    <t>Controls are processes, procedures, tools, laws, policies, rules, equipment, positions, etc. that are already used to control risk, ensure compliance, and help operations run more smoothly. In short, they are actions taken to help make sure the right things happen and keep the wrong things from happening.</t>
  </si>
  <si>
    <r>
      <t>o</t>
    </r>
    <r>
      <rPr>
        <sz val="7"/>
        <color theme="1"/>
        <rFont val="Times New Roman"/>
        <family val="1"/>
      </rPr>
      <t xml:space="preserve">   </t>
    </r>
    <r>
      <rPr>
        <sz val="12"/>
        <color theme="1"/>
        <rFont val="Century Gothic"/>
        <family val="2"/>
      </rPr>
      <t>Please provide a clear description of the current controls, and how those controls manage your risk. This can be done in a simple, bullet-like format, such as, “internal policy of bi-weekly inspections – provides accountability, allows early detection of errors/damage” or “X software – standardizes data organization for these projects for use statewide, enables data sharing”</t>
    </r>
  </si>
  <si>
    <r>
      <t>o</t>
    </r>
    <r>
      <rPr>
        <sz val="7"/>
        <color theme="1"/>
        <rFont val="Times New Roman"/>
        <family val="1"/>
      </rPr>
      <t xml:space="preserve">   </t>
    </r>
    <r>
      <rPr>
        <sz val="12"/>
        <color theme="1"/>
        <rFont val="Century Gothic"/>
        <family val="2"/>
      </rPr>
      <t>Do you believe that the current controls are sufficient or is there something more that needs to be done?</t>
    </r>
  </si>
  <si>
    <r>
      <t>·</t>
    </r>
    <r>
      <rPr>
        <sz val="7"/>
        <color theme="1"/>
        <rFont val="Times New Roman"/>
        <family val="1"/>
      </rPr>
      <t xml:space="preserve">         </t>
    </r>
    <r>
      <rPr>
        <b/>
        <sz val="12"/>
        <color theme="1"/>
        <rFont val="Century Gothic"/>
        <family val="2"/>
      </rPr>
      <t>Ideas for Response Actions (or actions currently planned) (Column H)</t>
    </r>
  </si>
  <si>
    <t>Potential ideas about what could be done to pursue, share, or leverage opportunities; avoid, transfer, or mitigate threats; or whether the best response is to monitor the risk to determine if a response is appropriate. These general categories of response should spur conversation, but we need more specific ideas and people/resources that we can leverage to help investigate the suggested responses.</t>
  </si>
  <si>
    <r>
      <t>o</t>
    </r>
    <r>
      <rPr>
        <sz val="7"/>
        <color theme="1"/>
        <rFont val="Times New Roman"/>
        <family val="1"/>
      </rPr>
      <t xml:space="preserve">   </t>
    </r>
    <r>
      <rPr>
        <sz val="12"/>
        <color theme="1"/>
        <rFont val="Century Gothic"/>
        <family val="2"/>
      </rPr>
      <t>Please provide a description of what you might do, and how these actions could influence the risk.</t>
    </r>
  </si>
  <si>
    <r>
      <t>·</t>
    </r>
    <r>
      <rPr>
        <sz val="7"/>
        <color theme="1"/>
        <rFont val="Times New Roman"/>
        <family val="1"/>
      </rPr>
      <t xml:space="preserve">         </t>
    </r>
    <r>
      <rPr>
        <b/>
        <sz val="12"/>
        <color theme="1"/>
        <rFont val="Century Gothic"/>
        <family val="2"/>
      </rPr>
      <t>Risk Ownership (Column I)</t>
    </r>
  </si>
  <si>
    <t xml:space="preserve">           This the name of the individual contact person responsible for addressing the identified risk.  This is the responsible party. (Risk response or mitigation actions may have their more specific owners, but this is the owner of the risk in general.)</t>
  </si>
  <si>
    <t>Likelihood Criteria For Threats</t>
  </si>
  <si>
    <t>Score</t>
  </si>
  <si>
    <t>Value</t>
  </si>
  <si>
    <t>Description</t>
  </si>
  <si>
    <t>Remote</t>
  </si>
  <si>
    <t>The chance of the future event or events occurring is slight</t>
  </si>
  <si>
    <t>Unlikely</t>
  </si>
  <si>
    <t>The event could possibly occur, but is unlikely at this time</t>
  </si>
  <si>
    <t>Possible</t>
  </si>
  <si>
    <t>The event could occur under specific conditions and some those conditions are currently evidenced</t>
  </si>
  <si>
    <t>Likely</t>
  </si>
  <si>
    <t>The event is most likely to occur in most circumstances</t>
  </si>
  <si>
    <t>Expected</t>
  </si>
  <si>
    <t>The event is expected to occur in most circumstances or is happening now</t>
  </si>
  <si>
    <t>Likelihood Criteria For Opportunities</t>
  </si>
  <si>
    <t>The chance of realizing the event or events is slight</t>
  </si>
  <si>
    <t>The opportunity could be realized, but is unlikely at this time</t>
  </si>
  <si>
    <t>The event could be realized under specific conditons and some of those conditions are currently evidenced</t>
  </si>
  <si>
    <t>The event is likely to be realized in most circumstances</t>
  </si>
  <si>
    <t>The event is expected to be realized in most circumstances or is happening now</t>
  </si>
  <si>
    <t>~Please Scroll Down For Threat &amp; Opportunity Impact Criteria~
~Only Score Risk Impact Categories you are familiar with~</t>
  </si>
  <si>
    <t>Threat Criteria For Impact</t>
  </si>
  <si>
    <t>Risk Impact</t>
  </si>
  <si>
    <t>Critical (5)</t>
  </si>
  <si>
    <t>Major (4)</t>
  </si>
  <si>
    <t>Moderate(3)</t>
  </si>
  <si>
    <t>Minor (2)</t>
  </si>
  <si>
    <t>Insignificant (1)</t>
  </si>
  <si>
    <t>Financial</t>
  </si>
  <si>
    <t>Financial Impact on the Department's Overall Budget</t>
  </si>
  <si>
    <t xml:space="preserve">Waste or loss of $100,000,001 or more
</t>
  </si>
  <si>
    <t>Waste or loss of $10,000,001 to $100,000,000</t>
  </si>
  <si>
    <t>Waste or loss of $1,000,001 to $10,000,000</t>
  </si>
  <si>
    <t>Waste or loss of $100,001 to $1,000,000</t>
  </si>
  <si>
    <t>Waste or loss of $100,000 or less</t>
  </si>
  <si>
    <t>Reputation</t>
  </si>
  <si>
    <t xml:space="preserve">Attention brought to the department through the media and public perception </t>
  </si>
  <si>
    <t>•	Sustained negative national news coverage
•	Additional oversight and/or investigations proposed by local, state, and/or federal political leaders
•	Significant loss of public trust
•	Heavy and prolonged negative social media attention
•	Significant loss in partnerships with other agencies and businesses</t>
  </si>
  <si>
    <t>•	Short term negative coverage on the national news
•	Scrutiny from local, state, or federal political leaders
•	Loss of public trust
•	Negative social media attention
•	Loss in partnerships with other agencies and businesses.</t>
  </si>
  <si>
    <t>•	Negative coverage in state and local news
•	Moderate Scrutiny from local and state politicians
•	Some loss of public trust
•	Some negative social media attention
•	Some loss in partnerships with other agencies and businesses</t>
  </si>
  <si>
    <t>•	Some negative coverage in state and local news
•	Limited scrutiny from local and state politicians
•	Minor loss of public trust
•	Minor negative social media attention
•	A few lost partnerships with other agencies and businesses</t>
  </si>
  <si>
    <t>•	Little to no negative coverage in local media
•	Minor attention paid by local and state politicians
•	Minimal loss of public trust
•	A few negative mentions on social media attention
•	Minimal loss of partnerships with other agencies and businesses</t>
  </si>
  <si>
    <t>Operations</t>
  </si>
  <si>
    <t>The department's ability to operate efficiently and effectively</t>
  </si>
  <si>
    <t>•	Services severely limited and/or completely stopped
•	Stopping or significant restriction of operations by a governmental regulatory body
•	Mass quitting or layoffs
•	Divisions restructured or eliminated
•	Very significant loss in partnerships with other agencies and businesses
•	Serious and pervasive breaches of policy
•	Severe and pervasive misalignment to goals and objectives</t>
  </si>
  <si>
    <t>• Services greatly impacted or impaired
•	Monitoring and restriction of operations by a governmental regulatory body
• A significant amount of quitting and/or layoffs
• Structural shakeup in one or more divisions
•	Significant loss in partnerships with other agencies and businesses
•	Multiple serious breaches of policy
•	Major misalignment to goals and objectives</t>
  </si>
  <si>
    <t>• Some impact to services
• Some oversight of operations by a governmental regulatory body
• Increased quitting and/or layoffs
• Some divisional restructuring
• Some loss in partnerships with other agencies and businesses
•	Multiple important policy breaches
•	Misalignment to some goals and objectives</t>
  </si>
  <si>
    <t>• Limited impact to services
•	Limited and general oversight  operations by a governmental regulatory body
• Some quitting and/or layoffs
• Some limited possible divisional restructuring
•	Some small loss in partnerships with other agencies and businesses
•	Possible minor breaches in some policies
•	Some misalignment with one or two goals and objectives</t>
  </si>
  <si>
    <t xml:space="preserve">• Little to no limitation of services
•	Internal oversight only
• Very minor quitting and/or layoffs
• Very minor, if any, divisional restructuring
• Little to no loss in partnerships with other agencies or businesses. 
•	Very minor or no breaches of policy
•	Little to no misalignment to goals and objectives
</t>
  </si>
  <si>
    <t>Life Safety</t>
  </si>
  <si>
    <t>The overall safety of operations, infrastructure, employees, and the general public.</t>
  </si>
  <si>
    <t xml:space="preserve">•	Many deaths of staff members and/or members of the general public
•	Numerous severe injuries
•	Permanent and extensive environmental damage
•	Destruction of, or massive impairment to, infrastructure
•	Numerous serious regulatory or legal violations
•	Widespread or sustained cutoff of access/services
•	Significant legal liability and numerous lawsuits filed
</t>
  </si>
  <si>
    <t xml:space="preserve">•	Multiple deaths of staff members and/or members of the general public
•	Multiple severe injuries
•	Either permanent or extensive environmental damage
•	Some destruction of, or massive impairment to, infrastructure
•	Serious regulatory or legal violations
•	Significant cutoff of access/services
•	Increased legal liability with lawsuits filed
</t>
  </si>
  <si>
    <t>•	Some deaths of staff members and/or members of the general public
•	 A few severe injuries
•	Long term but limited environmental damage
•	Some minor destruction of, or impairment to, infrastructure
•	Some regulatory or legal violations
•	Short-term delay of access/services
•	Some legal liability, with a few lawsuits filed</t>
  </si>
  <si>
    <t>•	No deaths, but some injuries
•	Either limited or temporary environmental damage
•	Some damage and impairment to infrastructure
•	Limited regulatory or legal violations
•	Minor delay in access/services
•	Some legal liability, with one or two lawsuits filed</t>
  </si>
  <si>
    <t>•	No deaths and only minor injuries
• Minor and temporary environmental damage
•	Minor to no damage or impairment to infrastructure. 
•	Little to no regulatory or legal violations
•	Minor to no delay in access/services
•	Minor to no  legal liability, with no lawsuits filed.</t>
  </si>
  <si>
    <t>Opportunity Criteria For Impact</t>
  </si>
  <si>
    <t>Transformative (5)</t>
  </si>
  <si>
    <t>Savings or gain of $100,000,001 or more</t>
  </si>
  <si>
    <t>Savings or gain of $10,000,001 to $100,000,000</t>
  </si>
  <si>
    <t>Savings or gain of $1,000,001 to $10,000,000</t>
  </si>
  <si>
    <t>Savings or gain of $100,001 to $1,000,000</t>
  </si>
  <si>
    <t>Savings or gain of $100,000 or less</t>
  </si>
  <si>
    <t>•Sustained and long-term 	positive news coverage at the national level
•	Continuous praise and citation from local, state, and/or federal political leaders
•	Large increase in public trust 
•	Major increase in agencies and businesses wanting to partner with Caltrans</t>
  </si>
  <si>
    <t>•	Positive coverage on the national news
•	Praise and citation from local, state, and/or federal political leaders
•	Significant Increase in public trust
•	Increase in agencies and businesses wanting to partner with Caltrans</t>
  </si>
  <si>
    <t>•	Positive coverage in local and state news
•	Acknowledgement from local, state, and/or federal political leaders
•	Moderate Increase in public trust
•	Some increase in agencies and businesses wanting to partner with Caltrans</t>
  </si>
  <si>
    <t>•	Some positive coverage in local and state news
•	Some acknowledgment from local, state, and/or federal political leaders
•	A small increase in public trust
•	Some increase in agencies and businesses wanting to partner with Caltrans</t>
  </si>
  <si>
    <t>•	Minimal positive coverage in local  news
•	Minor acknowledgment from local, state, and or/federal political leaders
•	Minimal increase in public trust
•	A few additional agencies and businesses wanting to partner with Caltrans</t>
  </si>
  <si>
    <t>•	Services significantly enhanced
•	Need for mass hiring
•	Divisions receive significant increased funding and recognition
•	Very significant gain in partnerships with other agencies and/or businesses
•	Significantly improved adherence to policy
•	Significant increase in alignment to goals and objectives</t>
  </si>
  <si>
    <t>•	Services enhanced
•	Significantly increased hiring
•	Multiple divisions receive increased funding and recognition
•	Gain in partnerships with other agencies and/or businesses
•	Major improvement in adherence to policy
•	Major increase in alignment to goals and objectives</t>
  </si>
  <si>
    <t>•	A reasonable number of services are enhanced
•	Need for an increase in hiring for a short period of time
•	Some divisions receive some increased funding and recognition
•	Reasonable gain in partnerships with other agencies and/or businesses
•	Moderate improvement in adherence to policy
•	Moderate increase in alignment to goals and objectives</t>
  </si>
  <si>
    <t>•	A few services receive enhancement
•	There is a small, limited bump in the need to hire
•	A few divisions receive a small amount of increased funding and recognition
•	A few new partnerships with other agencies and/or businesses are formed
•	Minor improvement in adherence to policy
•	Minor increase in alignment to goals and objectives</t>
  </si>
  <si>
    <t>•	Some services receive very slight enhancement
•	There is a need to hire a few extra staff members
•	One or two divisions may receive some extra funding and recognition
•	One or two new partnerships with other agencies and/or businesses is formed
•	Insignificant improvement in adherence to policy
•	Insignificant increase in alignment to goals and objectives</t>
  </si>
  <si>
    <t>•	An enormous reduction in the number of deaths and severe injuries incurred by Caltrans staff and the general public
•	Permanent and extensive environmental restoration or protection
•	Significant and widespread safety enhancements to infrastructure
•	Significant and widespread enhancement of access/services
•	Significant reduction in legal liability and in the number of lawsuits filed</t>
  </si>
  <si>
    <t>•	A large reduction in the number of deaths and severe injuries incurred by Caltrans staff and the general public
•	Either permanent or extensive environmental restoration or protection
•	Either widespread or significant safety enhancements to infrastructure
•	Either significant or widespread enhancement of access/services
•	Reduction in legal liability and in the number of lawsuits filed</t>
  </si>
  <si>
    <t>•	A reasonable reduction in the number of deaths and severe injuries incurred by Caltrans staff and the general public
•	Long term but limited environmental  restoration or protection
•	Some safety enhancements to infrastructure
•	Some enhancement of access/services
•	Some reduction in legal liability and in the number of lawsuits filed</t>
  </si>
  <si>
    <t>•	A small reduction in the number of deaths and severe injuries incurred by Caltrans staff and the general public
•	Either limited or temporary environmental damage restoration or protection
•	A few safety enhancements to infrastructure
•	Limited enhancement of access/services
•	A slight reduction in legal liability and in the number of lawsuits filed</t>
  </si>
  <si>
    <t>•	Slight to no reduction in the number of deaths and severe injuries incurred by Caltrans staff and the general public
•	Very limited environmental restoration or protection
•	Minor to no safety enhancements to  infrastructure
•	Minor to no enhancement of access/services
•	Minor to no reduction in legal liability and in the number of lawsuits filed</t>
  </si>
  <si>
    <r>
      <rPr>
        <b/>
        <sz val="20"/>
        <color theme="1"/>
        <rFont val="Century Gothic"/>
        <family val="2"/>
      </rPr>
      <t>Velocity Criteria For</t>
    </r>
    <r>
      <rPr>
        <b/>
        <sz val="20"/>
        <color rgb="FFC00000"/>
        <rFont val="Century Gothic"/>
        <family val="2"/>
      </rPr>
      <t xml:space="preserve"> Threats </t>
    </r>
    <r>
      <rPr>
        <b/>
        <sz val="20"/>
        <color theme="1"/>
        <rFont val="Century Gothic"/>
        <family val="2"/>
      </rPr>
      <t>&amp;</t>
    </r>
    <r>
      <rPr>
        <b/>
        <sz val="20"/>
        <color rgb="FFC00000"/>
        <rFont val="Century Gothic"/>
        <family val="2"/>
      </rPr>
      <t xml:space="preserve"> </t>
    </r>
    <r>
      <rPr>
        <b/>
        <sz val="20"/>
        <color rgb="FF203764"/>
        <rFont val="Century Gothic"/>
        <family val="2"/>
      </rPr>
      <t>Opportunities</t>
    </r>
  </si>
  <si>
    <t>Slow</t>
  </si>
  <si>
    <t>If it occurs, the event is expected to occur - or response actions need to be taken - within the next few years.</t>
  </si>
  <si>
    <t>Gradual</t>
  </si>
  <si>
    <t>If it occurs, the event is expected to occur - or response actions need to be taken - within the next year</t>
  </si>
  <si>
    <t>Moderate</t>
  </si>
  <si>
    <t>If it occurs, the event is expected to occur - or response actions need to be taken - within 6 months</t>
  </si>
  <si>
    <t>Rapid</t>
  </si>
  <si>
    <t>If it occurs, the event is expected to occur - or response actions need to be taken - in the next thirty days</t>
  </si>
  <si>
    <t>Imminent</t>
  </si>
  <si>
    <t>If it occurs, the event is expected to occur - or response actions need to be taken - at any moment</t>
  </si>
  <si>
    <t>Risk Owner</t>
  </si>
  <si>
    <t>Likelihood/Impact/Velocity</t>
  </si>
  <si>
    <t>Submitted By</t>
  </si>
  <si>
    <t>Type</t>
  </si>
  <si>
    <t>Administration Deputy Director</t>
  </si>
  <si>
    <t>D1</t>
  </si>
  <si>
    <t>O</t>
  </si>
  <si>
    <t>Director's Office</t>
  </si>
  <si>
    <t>D2</t>
  </si>
  <si>
    <t>T</t>
  </si>
  <si>
    <t>Finance Deputy Director</t>
  </si>
  <si>
    <t>Information Technology Deputy Director</t>
  </si>
  <si>
    <t>D3</t>
  </si>
  <si>
    <t>Legislative Affairs Assistant Deputy Director</t>
  </si>
  <si>
    <t>D4</t>
  </si>
  <si>
    <t>Maintenance, Operations, Safety, &amp; Equipment Deputy Director</t>
  </si>
  <si>
    <t>D5</t>
  </si>
  <si>
    <t>Planning &amp; Modal Program Deputy Director</t>
  </si>
  <si>
    <t>D6</t>
  </si>
  <si>
    <t>Project Delivery Deputy Director (Chief Engineer)</t>
  </si>
  <si>
    <t>D7</t>
  </si>
  <si>
    <t>Public Affairs Assistant Director</t>
  </si>
  <si>
    <t>D8</t>
  </si>
  <si>
    <t>Sustainability Deputy Director</t>
  </si>
  <si>
    <t>D9</t>
  </si>
  <si>
    <t>Chief Counsel</t>
  </si>
  <si>
    <t>D10</t>
  </si>
  <si>
    <t>Civil Rights Deputy Director</t>
  </si>
  <si>
    <t>D11</t>
  </si>
  <si>
    <t>Equal Employment Opportunity Assistant Director</t>
  </si>
  <si>
    <t>D12</t>
  </si>
  <si>
    <t>State Asset Management Engineer</t>
  </si>
  <si>
    <t>Administration</t>
  </si>
  <si>
    <t>Federal Liaison</t>
  </si>
  <si>
    <t>Finance</t>
  </si>
  <si>
    <t>Information Technology</t>
  </si>
  <si>
    <t>PMP</t>
  </si>
  <si>
    <t>Legislative Affairs</t>
  </si>
  <si>
    <t>Public Affairs</t>
  </si>
  <si>
    <t>Legal</t>
  </si>
  <si>
    <t>Civil Rights</t>
  </si>
  <si>
    <t>Sustainability</t>
  </si>
  <si>
    <t>EEO</t>
  </si>
  <si>
    <t>Project Delivery</t>
  </si>
  <si>
    <t>MOS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fonts count="42">
    <font>
      <sz val="11"/>
      <color theme="1"/>
      <name val="Calibri"/>
      <family val="2"/>
      <scheme val="minor"/>
    </font>
    <font>
      <sz val="14"/>
      <color theme="1"/>
      <name val="Century Gothic"/>
      <family val="2"/>
    </font>
    <font>
      <b/>
      <u/>
      <sz val="16"/>
      <color theme="1"/>
      <name val="Century Gothic"/>
      <family val="2"/>
    </font>
    <font>
      <b/>
      <sz val="16"/>
      <color theme="1"/>
      <name val="Century Gothic"/>
      <family val="2"/>
    </font>
    <font>
      <b/>
      <sz val="11"/>
      <color theme="1"/>
      <name val="Calibri"/>
      <family val="2"/>
      <scheme val="minor"/>
    </font>
    <font>
      <sz val="12"/>
      <color theme="1"/>
      <name val="Century Gothic"/>
      <family val="2"/>
    </font>
    <font>
      <b/>
      <sz val="12"/>
      <color theme="1"/>
      <name val="Century Gothic"/>
      <family val="2"/>
    </font>
    <font>
      <sz val="12"/>
      <color theme="1"/>
      <name val="Symbol"/>
      <family val="1"/>
      <charset val="2"/>
    </font>
    <font>
      <sz val="7"/>
      <color theme="1"/>
      <name val="Times New Roman"/>
      <family val="1"/>
    </font>
    <font>
      <sz val="12"/>
      <color rgb="FF0070C0"/>
      <name val="Century Gothic"/>
      <family val="2"/>
    </font>
    <font>
      <u/>
      <sz val="12"/>
      <color theme="1"/>
      <name val="Century Gothic"/>
      <family val="2"/>
    </font>
    <font>
      <sz val="11"/>
      <color theme="1"/>
      <name val="Wingdings"/>
      <charset val="2"/>
    </font>
    <font>
      <sz val="11"/>
      <color theme="1"/>
      <name val="Courier New"/>
      <family val="3"/>
    </font>
    <font>
      <sz val="11"/>
      <color theme="1"/>
      <name val="Symbol"/>
      <family val="1"/>
      <charset val="2"/>
    </font>
    <font>
      <sz val="12"/>
      <color theme="1"/>
      <name val="Courier New"/>
      <family val="3"/>
    </font>
    <font>
      <sz val="12"/>
      <color theme="8" tint="-0.249977111117893"/>
      <name val="Century Gothic"/>
      <family val="2"/>
    </font>
    <font>
      <i/>
      <sz val="12"/>
      <color theme="1"/>
      <name val="Century Gothic"/>
      <family val="2"/>
    </font>
    <font>
      <b/>
      <sz val="20"/>
      <color rgb="FFC00000"/>
      <name val="Century Gothic"/>
      <family val="2"/>
    </font>
    <font>
      <sz val="11"/>
      <color theme="1"/>
      <name val="Century Gothic"/>
      <family val="2"/>
    </font>
    <font>
      <b/>
      <sz val="11"/>
      <color theme="1"/>
      <name val="Century Gothic"/>
      <family val="2"/>
    </font>
    <font>
      <b/>
      <sz val="11"/>
      <color theme="0"/>
      <name val="Century Gothic"/>
      <family val="2"/>
    </font>
    <font>
      <b/>
      <sz val="20"/>
      <color rgb="FF002060"/>
      <name val="Century Gothic"/>
      <family val="2"/>
    </font>
    <font>
      <sz val="11"/>
      <color rgb="FF002060"/>
      <name val="Century Gothic"/>
      <family val="2"/>
    </font>
    <font>
      <b/>
      <sz val="22"/>
      <color theme="1" tint="4.9989318521683403E-2"/>
      <name val="Century Gothic"/>
      <family val="2"/>
    </font>
    <font>
      <sz val="10"/>
      <color theme="1"/>
      <name val="Century Gothic"/>
      <family val="2"/>
    </font>
    <font>
      <b/>
      <sz val="28"/>
      <color rgb="FFC00000"/>
      <name val="Century Gothic"/>
      <family val="2"/>
    </font>
    <font>
      <b/>
      <sz val="10"/>
      <color rgb="FFC00000"/>
      <name val="Century Gothic"/>
      <family val="2"/>
    </font>
    <font>
      <b/>
      <sz val="10"/>
      <color theme="1"/>
      <name val="Century Gothic"/>
      <family val="2"/>
    </font>
    <font>
      <b/>
      <sz val="10"/>
      <color theme="0"/>
      <name val="Century Gothic"/>
      <family val="2"/>
    </font>
    <font>
      <b/>
      <sz val="28"/>
      <color rgb="FF002060"/>
      <name val="Century Gothic"/>
      <family val="2"/>
    </font>
    <font>
      <sz val="20"/>
      <color rgb="FF002060"/>
      <name val="Century Gothic"/>
      <family val="2"/>
    </font>
    <font>
      <b/>
      <sz val="20"/>
      <color theme="1"/>
      <name val="Century Gothic"/>
      <family val="2"/>
    </font>
    <font>
      <b/>
      <sz val="20"/>
      <color rgb="FF203764"/>
      <name val="Century Gothic"/>
      <family val="2"/>
    </font>
    <font>
      <sz val="12"/>
      <color rgb="FF000000"/>
      <name val="Century Gothic"/>
      <family val="2"/>
    </font>
    <font>
      <b/>
      <u/>
      <sz val="16"/>
      <color rgb="FF000000"/>
      <name val="Century Gothic"/>
      <family val="2"/>
    </font>
    <font>
      <sz val="12"/>
      <color rgb="FF000000"/>
      <name val="Courier New"/>
      <family val="3"/>
    </font>
    <font>
      <sz val="7"/>
      <color rgb="FF000000"/>
      <name val="Times New Roman"/>
      <family val="1"/>
    </font>
    <font>
      <u/>
      <sz val="16"/>
      <color rgb="FF000000"/>
      <name val="Century Gothic"/>
      <family val="2"/>
    </font>
    <font>
      <u/>
      <sz val="16"/>
      <color theme="1"/>
      <name val="Century Gothic"/>
      <family val="2"/>
    </font>
    <font>
      <sz val="14"/>
      <color rgb="FF000000"/>
      <name val="Century Gothic"/>
      <family val="2"/>
    </font>
    <font>
      <b/>
      <sz val="14"/>
      <color rgb="FF000000"/>
      <name val="Century Gothic"/>
      <family val="2"/>
    </font>
    <font>
      <b/>
      <sz val="14"/>
      <color rgb="FFED7D31"/>
      <name val="Century Gothic"/>
      <family val="2"/>
    </font>
  </fonts>
  <fills count="25">
    <fill>
      <patternFill patternType="none"/>
    </fill>
    <fill>
      <patternFill patternType="gray125"/>
    </fill>
    <fill>
      <patternFill patternType="solid">
        <fgColor theme="7" tint="0.39997558519241921"/>
        <bgColor indexed="64"/>
      </patternFill>
    </fill>
    <fill>
      <patternFill patternType="solid">
        <fgColor theme="0"/>
        <bgColor indexed="64"/>
      </patternFill>
    </fill>
    <fill>
      <patternFill patternType="solid">
        <fgColor theme="4" tint="0.59999389629810485"/>
        <bgColor indexed="64"/>
      </patternFill>
    </fill>
    <fill>
      <patternFill patternType="solid">
        <fgColor theme="8" tint="0.39997558519241921"/>
        <bgColor indexed="64"/>
      </patternFill>
    </fill>
    <fill>
      <patternFill patternType="solid">
        <fgColor rgb="FFFFA7A7"/>
        <bgColor indexed="64"/>
      </patternFill>
    </fill>
    <fill>
      <patternFill patternType="solid">
        <fgColor rgb="FFFF6D6D"/>
        <bgColor indexed="64"/>
      </patternFill>
    </fill>
    <fill>
      <patternFill patternType="solid">
        <fgColor rgb="FFFF2F2F"/>
        <bgColor indexed="64"/>
      </patternFill>
    </fill>
    <fill>
      <patternFill patternType="solid">
        <fgColor rgb="FFE60000"/>
        <bgColor indexed="64"/>
      </patternFill>
    </fill>
    <fill>
      <patternFill patternType="solid">
        <fgColor rgb="FFC00000"/>
        <bgColor indexed="64"/>
      </patternFill>
    </fill>
    <fill>
      <patternFill patternType="solid">
        <fgColor rgb="FFADC0E5"/>
        <bgColor indexed="64"/>
      </patternFill>
    </fill>
    <fill>
      <patternFill patternType="solid">
        <fgColor rgb="FF839FD7"/>
        <bgColor indexed="64"/>
      </patternFill>
    </fill>
    <fill>
      <patternFill patternType="solid">
        <fgColor rgb="FF3D68BD"/>
        <bgColor indexed="64"/>
      </patternFill>
    </fill>
    <fill>
      <patternFill patternType="solid">
        <fgColor rgb="FF3459A2"/>
        <bgColor indexed="64"/>
      </patternFill>
    </fill>
    <fill>
      <patternFill patternType="solid">
        <fgColor rgb="FF203764"/>
        <bgColor indexed="64"/>
      </patternFill>
    </fill>
    <fill>
      <patternFill patternType="solid">
        <fgColor theme="4" tint="-0.499984740745262"/>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9" tint="0.39997558519241921"/>
        <bgColor indexed="64"/>
      </patternFill>
    </fill>
    <fill>
      <patternFill patternType="solid">
        <fgColor theme="9" tint="-0.249977111117893"/>
        <bgColor indexed="64"/>
      </patternFill>
    </fill>
    <fill>
      <patternFill patternType="solid">
        <fgColor theme="9" tint="-0.499984740745262"/>
        <bgColor indexed="64"/>
      </patternFill>
    </fill>
    <fill>
      <patternFill patternType="solid">
        <fgColor rgb="FFCE8CE0"/>
        <bgColor indexed="64"/>
      </patternFill>
    </fill>
    <fill>
      <patternFill patternType="solid">
        <fgColor theme="5" tint="0.59999389629810485"/>
        <bgColor indexed="64"/>
      </patternFill>
    </fill>
    <fill>
      <patternFill patternType="solid">
        <fgColor rgb="FFA5A5A5"/>
        <bgColor indexed="64"/>
      </patternFill>
    </fill>
  </fills>
  <borders count="11">
    <border>
      <left/>
      <right/>
      <top/>
      <bottom/>
      <diagonal/>
    </border>
    <border>
      <left style="thin">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style="thin">
        <color auto="1"/>
      </right>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right style="thin">
        <color auto="1"/>
      </right>
      <top style="thin">
        <color auto="1"/>
      </top>
      <bottom/>
      <diagonal/>
    </border>
    <border>
      <left style="thin">
        <color auto="1"/>
      </left>
      <right style="thin">
        <color auto="1"/>
      </right>
      <top style="thin">
        <color auto="1"/>
      </top>
      <bottom/>
      <diagonal/>
    </border>
    <border>
      <left style="thin">
        <color auto="1"/>
      </left>
      <right/>
      <top style="thin">
        <color auto="1"/>
      </top>
      <bottom/>
      <diagonal/>
    </border>
  </borders>
  <cellStyleXfs count="1">
    <xf numFmtId="0" fontId="0" fillId="0" borderId="0"/>
  </cellStyleXfs>
  <cellXfs count="98">
    <xf numFmtId="0" fontId="0" fillId="0" borderId="0" xfId="0"/>
    <xf numFmtId="0" fontId="1" fillId="3" borderId="1" xfId="0" applyFont="1" applyFill="1" applyBorder="1" applyAlignment="1" applyProtection="1">
      <alignment horizontal="left" vertical="top" wrapText="1"/>
      <protection locked="0"/>
    </xf>
    <xf numFmtId="0" fontId="1" fillId="3" borderId="1" xfId="0" applyFont="1" applyFill="1" applyBorder="1" applyAlignment="1">
      <alignment horizontal="left" vertical="top" wrapText="1"/>
    </xf>
    <xf numFmtId="0" fontId="1" fillId="3" borderId="1" xfId="0" applyFont="1" applyFill="1" applyBorder="1" applyAlignment="1" applyProtection="1">
      <alignment horizontal="left" vertical="top" wrapText="1" indent="1"/>
      <protection locked="0"/>
    </xf>
    <xf numFmtId="0" fontId="1" fillId="3" borderId="1" xfId="0" quotePrefix="1" applyFont="1" applyFill="1" applyBorder="1" applyAlignment="1" applyProtection="1">
      <alignment horizontal="left" vertical="top" wrapText="1"/>
      <protection locked="0"/>
    </xf>
    <xf numFmtId="49" fontId="1" fillId="3" borderId="1" xfId="0" applyNumberFormat="1" applyFont="1" applyFill="1" applyBorder="1" applyAlignment="1" applyProtection="1">
      <alignment horizontal="left" vertical="top" wrapText="1"/>
      <protection locked="0"/>
    </xf>
    <xf numFmtId="0" fontId="2" fillId="2" borderId="1" xfId="0" applyFont="1" applyFill="1" applyBorder="1" applyAlignment="1" applyProtection="1">
      <alignment horizontal="left" vertical="top" wrapText="1"/>
      <protection locked="0"/>
    </xf>
    <xf numFmtId="0" fontId="3" fillId="2" borderId="1" xfId="0" applyFont="1" applyFill="1" applyBorder="1" applyAlignment="1" applyProtection="1">
      <alignment horizontal="left" vertical="top" wrapText="1"/>
      <protection locked="0"/>
    </xf>
    <xf numFmtId="0" fontId="1" fillId="4" borderId="1" xfId="0" applyFont="1" applyFill="1" applyBorder="1" applyAlignment="1" applyProtection="1">
      <alignment horizontal="left" vertical="top" wrapText="1"/>
      <protection locked="0"/>
    </xf>
    <xf numFmtId="0" fontId="4" fillId="0" borderId="1" xfId="0" applyFont="1" applyBorder="1" applyAlignment="1">
      <alignment horizontal="center" wrapText="1"/>
    </xf>
    <xf numFmtId="0" fontId="0" fillId="0" borderId="1" xfId="0" applyBorder="1" applyAlignment="1">
      <alignment wrapText="1"/>
    </xf>
    <xf numFmtId="0" fontId="5" fillId="0" borderId="0" xfId="0" applyFont="1" applyAlignment="1">
      <alignment horizontal="left" vertical="top" indent="5"/>
    </xf>
    <xf numFmtId="0" fontId="0" fillId="0" borderId="0" xfId="0" applyAlignment="1">
      <alignment horizontal="left" vertical="top"/>
    </xf>
    <xf numFmtId="0" fontId="6" fillId="0" borderId="0" xfId="0" applyFont="1" applyAlignment="1">
      <alignment horizontal="left" vertical="top" indent="5"/>
    </xf>
    <xf numFmtId="0" fontId="5" fillId="0" borderId="0" xfId="0" applyFont="1" applyAlignment="1">
      <alignment horizontal="left" vertical="top" wrapText="1" indent="5"/>
    </xf>
    <xf numFmtId="0" fontId="7" fillId="0" borderId="0" xfId="0" applyFont="1" applyAlignment="1">
      <alignment horizontal="left" vertical="top" indent="5"/>
    </xf>
    <xf numFmtId="0" fontId="10" fillId="0" borderId="0" xfId="0" applyFont="1" applyAlignment="1">
      <alignment horizontal="left" vertical="top" indent="5"/>
    </xf>
    <xf numFmtId="0" fontId="9" fillId="0" borderId="0" xfId="0" applyFont="1" applyAlignment="1">
      <alignment horizontal="left" vertical="top" indent="15"/>
    </xf>
    <xf numFmtId="0" fontId="5" fillId="0" borderId="0" xfId="0" applyFont="1" applyAlignment="1">
      <alignment horizontal="left" vertical="top" indent="8"/>
    </xf>
    <xf numFmtId="0" fontId="9" fillId="0" borderId="0" xfId="0" applyFont="1" applyAlignment="1">
      <alignment horizontal="left" vertical="top" indent="8"/>
    </xf>
    <xf numFmtId="0" fontId="11" fillId="0" borderId="0" xfId="0" applyFont="1" applyAlignment="1">
      <alignment horizontal="left" vertical="top" indent="10"/>
    </xf>
    <xf numFmtId="0" fontId="12" fillId="0" borderId="0" xfId="0" applyFont="1" applyAlignment="1">
      <alignment horizontal="left" vertical="top" indent="13"/>
    </xf>
    <xf numFmtId="0" fontId="13" fillId="0" borderId="0" xfId="0" applyFont="1" applyAlignment="1">
      <alignment horizontal="left" vertical="top" indent="10"/>
    </xf>
    <xf numFmtId="0" fontId="5" fillId="0" borderId="0" xfId="0" applyFont="1" applyAlignment="1">
      <alignment horizontal="left" vertical="top"/>
    </xf>
    <xf numFmtId="0" fontId="14" fillId="0" borderId="0" xfId="0" applyFont="1" applyAlignment="1">
      <alignment horizontal="left" vertical="top" indent="15"/>
    </xf>
    <xf numFmtId="0" fontId="14" fillId="0" borderId="0" xfId="0" applyFont="1" applyAlignment="1">
      <alignment horizontal="left" vertical="top" indent="10"/>
    </xf>
    <xf numFmtId="0" fontId="5" fillId="0" borderId="0" xfId="0" applyFont="1" applyAlignment="1">
      <alignment horizontal="left" vertical="top" indent="10"/>
    </xf>
    <xf numFmtId="0" fontId="9" fillId="0" borderId="0" xfId="0" applyFont="1" applyAlignment="1">
      <alignment horizontal="center" vertical="top"/>
    </xf>
    <xf numFmtId="0" fontId="5" fillId="0" borderId="0" xfId="0" applyFont="1" applyAlignment="1">
      <alignment horizontal="left" vertical="top" indent="8" readingOrder="1"/>
    </xf>
    <xf numFmtId="0" fontId="5" fillId="0" borderId="0" xfId="0" applyFont="1" applyAlignment="1">
      <alignment horizontal="left" vertical="top" indent="9"/>
    </xf>
    <xf numFmtId="0" fontId="0" fillId="0" borderId="1" xfId="0" applyBorder="1" applyAlignment="1">
      <alignment horizontal="left" vertical="top" wrapText="1"/>
    </xf>
    <xf numFmtId="0" fontId="18" fillId="0" borderId="5" xfId="0" applyFont="1" applyBorder="1" applyAlignment="1">
      <alignment horizontal="left" vertical="top" wrapText="1"/>
    </xf>
    <xf numFmtId="0" fontId="18" fillId="0" borderId="6" xfId="0" applyFont="1" applyBorder="1" applyAlignment="1">
      <alignment horizontal="left" vertical="top" wrapText="1"/>
    </xf>
    <xf numFmtId="0" fontId="18" fillId="0" borderId="7" xfId="0" applyFont="1" applyBorder="1" applyAlignment="1">
      <alignment horizontal="left" vertical="top" wrapText="1"/>
    </xf>
    <xf numFmtId="0" fontId="18" fillId="0" borderId="4" xfId="0" applyFont="1" applyBorder="1" applyAlignment="1">
      <alignment horizontal="left" vertical="top" wrapText="1"/>
    </xf>
    <xf numFmtId="0" fontId="19" fillId="6" borderId="1" xfId="0" applyFont="1" applyFill="1" applyBorder="1" applyAlignment="1">
      <alignment horizontal="left" vertical="top" wrapText="1"/>
    </xf>
    <xf numFmtId="0" fontId="18" fillId="0" borderId="2" xfId="0" applyFont="1" applyBorder="1" applyAlignment="1">
      <alignment horizontal="left" vertical="top" wrapText="1"/>
    </xf>
    <xf numFmtId="0" fontId="19" fillId="7" borderId="1" xfId="0" applyFont="1" applyFill="1" applyBorder="1" applyAlignment="1">
      <alignment horizontal="left" vertical="top" wrapText="1"/>
    </xf>
    <xf numFmtId="0" fontId="20" fillId="8" borderId="1" xfId="0" applyFont="1" applyFill="1" applyBorder="1" applyAlignment="1">
      <alignment horizontal="left" vertical="top" wrapText="1"/>
    </xf>
    <xf numFmtId="0" fontId="20" fillId="9" borderId="1" xfId="0" applyFont="1" applyFill="1" applyBorder="1" applyAlignment="1">
      <alignment horizontal="left" vertical="top" wrapText="1"/>
    </xf>
    <xf numFmtId="0" fontId="18" fillId="0" borderId="8" xfId="0" applyFont="1" applyBorder="1" applyAlignment="1">
      <alignment horizontal="left" vertical="top" wrapText="1"/>
    </xf>
    <xf numFmtId="0" fontId="20" fillId="10" borderId="9" xfId="0" applyFont="1" applyFill="1" applyBorder="1" applyAlignment="1">
      <alignment horizontal="left" vertical="top" wrapText="1"/>
    </xf>
    <xf numFmtId="0" fontId="18" fillId="0" borderId="10" xfId="0" applyFont="1" applyBorder="1" applyAlignment="1">
      <alignment horizontal="left" vertical="top" wrapText="1"/>
    </xf>
    <xf numFmtId="0" fontId="19" fillId="11" borderId="1" xfId="0" applyFont="1" applyFill="1" applyBorder="1" applyAlignment="1">
      <alignment horizontal="left" vertical="top" wrapText="1"/>
    </xf>
    <xf numFmtId="0" fontId="19" fillId="12" borderId="1" xfId="0" applyFont="1" applyFill="1" applyBorder="1" applyAlignment="1">
      <alignment horizontal="left" vertical="top" wrapText="1"/>
    </xf>
    <xf numFmtId="0" fontId="20" fillId="13" borderId="1" xfId="0" applyFont="1" applyFill="1" applyBorder="1" applyAlignment="1">
      <alignment horizontal="left" vertical="top" wrapText="1"/>
    </xf>
    <xf numFmtId="0" fontId="20" fillId="14" borderId="1" xfId="0" applyFont="1" applyFill="1" applyBorder="1" applyAlignment="1">
      <alignment horizontal="left" vertical="top" wrapText="1"/>
    </xf>
    <xf numFmtId="0" fontId="20" fillId="15" borderId="9" xfId="0" applyFont="1" applyFill="1" applyBorder="1" applyAlignment="1">
      <alignment horizontal="left" vertical="top" wrapText="1"/>
    </xf>
    <xf numFmtId="0" fontId="24" fillId="0" borderId="0" xfId="0" applyFont="1" applyAlignment="1">
      <alignment horizontal="left" vertical="top"/>
    </xf>
    <xf numFmtId="0" fontId="27" fillId="0" borderId="0" xfId="0" applyFont="1" applyAlignment="1">
      <alignment horizontal="left" vertical="top"/>
    </xf>
    <xf numFmtId="0" fontId="27" fillId="0" borderId="5" xfId="0" applyFont="1" applyBorder="1" applyAlignment="1">
      <alignment horizontal="left" vertical="top" wrapText="1"/>
    </xf>
    <xf numFmtId="0" fontId="27" fillId="0" borderId="6" xfId="0" applyFont="1" applyBorder="1" applyAlignment="1">
      <alignment horizontal="left" vertical="top" wrapText="1"/>
    </xf>
    <xf numFmtId="0" fontId="28" fillId="10" borderId="6" xfId="0" applyFont="1" applyFill="1" applyBorder="1" applyAlignment="1">
      <alignment horizontal="left" vertical="top" wrapText="1"/>
    </xf>
    <xf numFmtId="0" fontId="28" fillId="9" borderId="6" xfId="0" applyFont="1" applyFill="1" applyBorder="1" applyAlignment="1">
      <alignment horizontal="left" vertical="top" wrapText="1"/>
    </xf>
    <xf numFmtId="0" fontId="28" fillId="8" borderId="6" xfId="0" applyFont="1" applyFill="1" applyBorder="1" applyAlignment="1">
      <alignment horizontal="left" vertical="top" wrapText="1"/>
    </xf>
    <xf numFmtId="0" fontId="27" fillId="7" borderId="6" xfId="0" applyFont="1" applyFill="1" applyBorder="1" applyAlignment="1">
      <alignment horizontal="left" vertical="top" wrapText="1"/>
    </xf>
    <xf numFmtId="0" fontId="27" fillId="6" borderId="7" xfId="0" applyFont="1" applyFill="1" applyBorder="1" applyAlignment="1">
      <alignment horizontal="left" vertical="top" wrapText="1"/>
    </xf>
    <xf numFmtId="0" fontId="24" fillId="0" borderId="4" xfId="0" applyFont="1" applyBorder="1" applyAlignment="1">
      <alignment horizontal="left" vertical="top" wrapText="1"/>
    </xf>
    <xf numFmtId="0" fontId="24" fillId="0" borderId="1" xfId="0" applyFont="1" applyBorder="1" applyAlignment="1">
      <alignment horizontal="left" vertical="top" wrapText="1"/>
    </xf>
    <xf numFmtId="0" fontId="24" fillId="0" borderId="2" xfId="0" applyFont="1" applyBorder="1" applyAlignment="1">
      <alignment horizontal="left" vertical="top" wrapText="1"/>
    </xf>
    <xf numFmtId="0" fontId="24" fillId="0" borderId="8" xfId="0" applyFont="1" applyBorder="1" applyAlignment="1">
      <alignment horizontal="left" vertical="top" wrapText="1"/>
    </xf>
    <xf numFmtId="0" fontId="24" fillId="0" borderId="9" xfId="0" applyFont="1" applyBorder="1" applyAlignment="1">
      <alignment horizontal="left" vertical="top" wrapText="1"/>
    </xf>
    <xf numFmtId="0" fontId="24" fillId="0" borderId="10" xfId="0" applyFont="1" applyBorder="1" applyAlignment="1">
      <alignment horizontal="left" vertical="top" wrapText="1"/>
    </xf>
    <xf numFmtId="0" fontId="27" fillId="0" borderId="0" xfId="0" applyFont="1" applyAlignment="1">
      <alignment horizontal="left" vertical="top" wrapText="1"/>
    </xf>
    <xf numFmtId="0" fontId="28" fillId="16" borderId="0" xfId="0" applyFont="1" applyFill="1" applyAlignment="1">
      <alignment horizontal="left" vertical="top" wrapText="1"/>
    </xf>
    <xf numFmtId="0" fontId="28" fillId="14" borderId="0" xfId="0" applyFont="1" applyFill="1" applyAlignment="1">
      <alignment horizontal="left" vertical="top" wrapText="1"/>
    </xf>
    <xf numFmtId="0" fontId="28" fillId="13" borderId="0" xfId="0" applyFont="1" applyFill="1" applyAlignment="1">
      <alignment horizontal="left" vertical="top" wrapText="1"/>
    </xf>
    <xf numFmtId="0" fontId="27" fillId="12" borderId="0" xfId="0" applyFont="1" applyFill="1" applyAlignment="1">
      <alignment horizontal="left" vertical="top" wrapText="1"/>
    </xf>
    <xf numFmtId="0" fontId="27" fillId="11" borderId="0" xfId="0" applyFont="1" applyFill="1" applyAlignment="1">
      <alignment horizontal="left" vertical="top" wrapText="1"/>
    </xf>
    <xf numFmtId="0" fontId="24" fillId="0" borderId="0" xfId="0" applyFont="1" applyAlignment="1">
      <alignment horizontal="left" vertical="top" wrapText="1"/>
    </xf>
    <xf numFmtId="0" fontId="19" fillId="17" borderId="1" xfId="0" applyFont="1" applyFill="1" applyBorder="1" applyAlignment="1">
      <alignment horizontal="left" vertical="top" wrapText="1"/>
    </xf>
    <xf numFmtId="0" fontId="19" fillId="18" borderId="1" xfId="0" applyFont="1" applyFill="1" applyBorder="1" applyAlignment="1">
      <alignment horizontal="left" vertical="top" wrapText="1"/>
    </xf>
    <xf numFmtId="0" fontId="19" fillId="19" borderId="1" xfId="0" applyFont="1" applyFill="1" applyBorder="1" applyAlignment="1">
      <alignment horizontal="left" vertical="top" wrapText="1"/>
    </xf>
    <xf numFmtId="0" fontId="20" fillId="20" borderId="1" xfId="0" applyFont="1" applyFill="1" applyBorder="1" applyAlignment="1">
      <alignment horizontal="left" vertical="top" wrapText="1"/>
    </xf>
    <xf numFmtId="0" fontId="20" fillId="21" borderId="9" xfId="0" applyFont="1" applyFill="1" applyBorder="1" applyAlignment="1">
      <alignment horizontal="left" vertical="top" wrapText="1"/>
    </xf>
    <xf numFmtId="0" fontId="3" fillId="5" borderId="1" xfId="0" applyFont="1" applyFill="1" applyBorder="1" applyAlignment="1" applyProtection="1">
      <alignment horizontal="left" vertical="top" textRotation="90" wrapText="1"/>
    </xf>
    <xf numFmtId="0" fontId="1" fillId="3" borderId="1" xfId="0" applyFont="1" applyFill="1" applyBorder="1" applyAlignment="1" applyProtection="1">
      <alignment horizontal="left" vertical="top" wrapText="1"/>
    </xf>
    <xf numFmtId="0" fontId="3" fillId="22" borderId="1" xfId="0" applyFont="1" applyFill="1" applyBorder="1" applyAlignment="1" applyProtection="1">
      <alignment horizontal="left" vertical="top" textRotation="90" wrapText="1"/>
    </xf>
    <xf numFmtId="0" fontId="3" fillId="18" borderId="1" xfId="0" applyFont="1" applyFill="1" applyBorder="1" applyAlignment="1" applyProtection="1">
      <alignment horizontal="left" vertical="top" textRotation="90" wrapText="1"/>
    </xf>
    <xf numFmtId="0" fontId="3" fillId="23" borderId="1" xfId="0" applyFont="1" applyFill="1" applyBorder="1" applyAlignment="1" applyProtection="1">
      <alignment horizontal="left" vertical="top" textRotation="90" wrapText="1"/>
    </xf>
    <xf numFmtId="0" fontId="14" fillId="0" borderId="0" xfId="0" applyFont="1" applyAlignment="1">
      <alignment horizontal="left" vertical="top" wrapText="1" indent="10"/>
    </xf>
    <xf numFmtId="0" fontId="1" fillId="24" borderId="1" xfId="0" applyFont="1" applyFill="1" applyBorder="1" applyAlignment="1" applyProtection="1">
      <alignment horizontal="left" vertical="top" wrapText="1"/>
      <protection locked="0"/>
    </xf>
    <xf numFmtId="0" fontId="34" fillId="2" borderId="1" xfId="0" applyFont="1" applyFill="1" applyBorder="1" applyAlignment="1" applyProtection="1">
      <alignment horizontal="left" vertical="top" wrapText="1"/>
      <protection locked="0"/>
    </xf>
    <xf numFmtId="0" fontId="1" fillId="24" borderId="1" xfId="0" applyFont="1" applyFill="1" applyBorder="1" applyAlignment="1">
      <alignment horizontal="left" vertical="center" wrapText="1"/>
    </xf>
    <xf numFmtId="0" fontId="39" fillId="3" borderId="1" xfId="0" applyFont="1" applyFill="1" applyBorder="1" applyAlignment="1" applyProtection="1">
      <alignment horizontal="left" vertical="top" wrapText="1"/>
      <protection locked="0"/>
    </xf>
    <xf numFmtId="0" fontId="17" fillId="0" borderId="2" xfId="0" applyFont="1" applyBorder="1" applyAlignment="1">
      <alignment horizontal="center" vertical="top" wrapText="1"/>
    </xf>
    <xf numFmtId="0" fontId="18" fillId="0" borderId="3" xfId="0" applyFont="1" applyBorder="1" applyAlignment="1">
      <alignment horizontal="center" vertical="top" wrapText="1"/>
    </xf>
    <xf numFmtId="0" fontId="18" fillId="0" borderId="4" xfId="0" applyFont="1" applyBorder="1" applyAlignment="1">
      <alignment horizontal="center" vertical="top" wrapText="1"/>
    </xf>
    <xf numFmtId="0" fontId="18" fillId="0" borderId="2" xfId="0" applyFont="1" applyBorder="1" applyAlignment="1">
      <alignment horizontal="center" vertical="top" wrapText="1"/>
    </xf>
    <xf numFmtId="0" fontId="21" fillId="0" borderId="2" xfId="0" applyFont="1" applyBorder="1" applyAlignment="1">
      <alignment horizontal="center" vertical="top" wrapText="1"/>
    </xf>
    <xf numFmtId="0" fontId="22" fillId="0" borderId="3" xfId="0" applyFont="1" applyBorder="1" applyAlignment="1">
      <alignment horizontal="center" vertical="top" wrapText="1"/>
    </xf>
    <xf numFmtId="0" fontId="22" fillId="0" borderId="4" xfId="0" applyFont="1" applyBorder="1" applyAlignment="1">
      <alignment horizontal="center" vertical="top" wrapText="1"/>
    </xf>
    <xf numFmtId="0" fontId="23" fillId="0" borderId="0" xfId="0" applyFont="1" applyAlignment="1">
      <alignment horizontal="center" vertical="top" wrapText="1"/>
    </xf>
    <xf numFmtId="0" fontId="25" fillId="0" borderId="0" xfId="0" applyFont="1" applyAlignment="1">
      <alignment horizontal="center" vertical="top" wrapText="1"/>
    </xf>
    <xf numFmtId="0" fontId="26" fillId="0" borderId="0" xfId="0" applyFont="1" applyAlignment="1">
      <alignment horizontal="center" vertical="top" wrapText="1"/>
    </xf>
    <xf numFmtId="0" fontId="29" fillId="0" borderId="0" xfId="0" applyFont="1" applyAlignment="1">
      <alignment horizontal="center" vertical="top" wrapText="1"/>
    </xf>
    <xf numFmtId="0" fontId="30" fillId="0" borderId="0" xfId="0" applyFont="1" applyAlignment="1">
      <alignment horizontal="center" vertical="top" wrapText="1"/>
    </xf>
    <xf numFmtId="0" fontId="35" fillId="0" borderId="0" xfId="0" applyFont="1" applyAlignment="1">
      <alignment horizontal="left" vertical="top" wrapText="1" indent="10"/>
    </xf>
  </cellXfs>
  <cellStyles count="1">
    <cellStyle name="Normal" xfId="0" builtinId="0"/>
  </cellStyles>
  <dxfs count="41">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outline="0">
        <left style="thin">
          <color auto="1"/>
        </left>
        <right/>
        <top style="thin">
          <color auto="1"/>
        </top>
        <bottom style="thin">
          <color auto="1"/>
        </bottom>
      </border>
    </dxf>
    <dxf>
      <font>
        <b val="0"/>
        <i val="0"/>
        <strike val="0"/>
        <condense val="0"/>
        <extend val="0"/>
        <outline val="0"/>
        <shadow val="0"/>
        <u val="none"/>
        <vertAlign val="baseline"/>
        <sz val="11"/>
        <color theme="1"/>
        <name val="Century Gothic"/>
        <family val="2"/>
        <scheme val="none"/>
      </font>
      <fill>
        <patternFill patternType="none">
          <fgColor indexed="64"/>
          <bgColor auto="1"/>
        </patternFill>
      </fill>
      <alignment horizontal="left" vertical="top" textRotation="0" wrapText="1" indent="0" justifyLastLine="0" shrinkToFit="0" readingOrder="0"/>
      <border diagonalUp="0" diagonalDown="0" outline="0">
        <left style="thin">
          <color auto="1"/>
        </left>
        <right style="thin">
          <color auto="1"/>
        </right>
        <top style="thin">
          <color auto="1"/>
        </top>
        <bottom style="thin">
          <color auto="1"/>
        </bottom>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outline="0">
        <left/>
        <right style="thin">
          <color auto="1"/>
        </right>
        <top style="thin">
          <color auto="1"/>
        </top>
        <bottom style="thin">
          <color auto="1"/>
        </bottom>
      </border>
    </dxf>
    <dxf>
      <border outline="0">
        <top style="thin">
          <color auto="1"/>
        </top>
      </border>
    </dxf>
    <dxf>
      <border outline="0">
        <bottom style="thin">
          <color auto="1"/>
        </bottom>
      </border>
    </dxf>
    <dxf>
      <border outline="0">
        <left style="thin">
          <color auto="1"/>
        </left>
        <right style="thin">
          <color auto="1"/>
        </right>
        <top style="thin">
          <color auto="1"/>
        </top>
        <bottom style="thin">
          <color auto="1"/>
        </bottom>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outline="0">
        <left style="thin">
          <color auto="1"/>
        </left>
        <right style="thin">
          <color auto="1"/>
        </right>
        <top/>
        <bottom/>
      </border>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border diagonalUp="0" diagonalDown="0">
        <left style="thin">
          <color auto="1"/>
        </left>
        <right/>
        <top style="thin">
          <color auto="1"/>
        </top>
        <bottom style="thin">
          <color auto="1"/>
        </bottom>
        <vertical style="thin">
          <color auto="1"/>
        </vertical>
        <horizontal style="thin">
          <color auto="1"/>
        </horizontal>
      </border>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border diagonalUp="0" diagonalDown="0">
        <left style="thin">
          <color auto="1"/>
        </left>
        <right style="thin">
          <color auto="1"/>
        </right>
        <top style="thin">
          <color auto="1"/>
        </top>
        <bottom style="thin">
          <color auto="1"/>
        </bottom>
        <vertical style="thin">
          <color auto="1"/>
        </vertical>
        <horizontal style="thin">
          <color auto="1"/>
        </horizontal>
      </border>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border diagonalUp="0" diagonalDown="0">
        <left style="thin">
          <color auto="1"/>
        </left>
        <right style="thin">
          <color auto="1"/>
        </right>
        <top style="thin">
          <color auto="1"/>
        </top>
        <bottom style="thin">
          <color auto="1"/>
        </bottom>
        <vertical style="thin">
          <color auto="1"/>
        </vertical>
        <horizontal style="thin">
          <color auto="1"/>
        </horizontal>
      </border>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border diagonalUp="0" diagonalDown="0">
        <left style="thin">
          <color auto="1"/>
        </left>
        <right style="thin">
          <color auto="1"/>
        </right>
        <top style="thin">
          <color auto="1"/>
        </top>
        <bottom style="thin">
          <color auto="1"/>
        </bottom>
        <vertical style="thin">
          <color auto="1"/>
        </vertical>
        <horizontal style="thin">
          <color auto="1"/>
        </horizontal>
      </border>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border diagonalUp="0" diagonalDown="0">
        <left style="thin">
          <color auto="1"/>
        </left>
        <right style="thin">
          <color auto="1"/>
        </right>
        <top style="thin">
          <color auto="1"/>
        </top>
        <bottom style="thin">
          <color auto="1"/>
        </bottom>
        <vertical style="thin">
          <color auto="1"/>
        </vertical>
        <horizontal style="thin">
          <color auto="1"/>
        </horizontal>
      </border>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border diagonalUp="0" diagonalDown="0">
        <left style="thin">
          <color auto="1"/>
        </left>
        <right style="thin">
          <color auto="1"/>
        </right>
        <top style="thin">
          <color auto="1"/>
        </top>
        <bottom style="thin">
          <color auto="1"/>
        </bottom>
        <vertical style="thin">
          <color auto="1"/>
        </vertical>
        <horizontal style="thin">
          <color auto="1"/>
        </horizontal>
      </border>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border diagonalUp="0" diagonalDown="0">
        <left/>
        <right style="thin">
          <color auto="1"/>
        </right>
        <top style="thin">
          <color auto="1"/>
        </top>
        <bottom style="thin">
          <color auto="1"/>
        </bottom>
        <vertical style="thin">
          <color auto="1"/>
        </vertical>
        <horizontal style="thin">
          <color auto="1"/>
        </horizontal>
      </border>
    </dxf>
    <dxf>
      <border>
        <top style="thin">
          <color auto="1"/>
        </top>
      </border>
    </dxf>
    <dxf>
      <border>
        <bottom style="thin">
          <color auto="1"/>
        </bottom>
      </border>
    </dxf>
    <dxf>
      <border diagonalUp="0" diagonalDown="0">
        <left style="thin">
          <color auto="1"/>
        </left>
        <right style="thin">
          <color auto="1"/>
        </right>
        <top style="thin">
          <color auto="1"/>
        </top>
        <bottom style="thin">
          <color auto="1"/>
        </bottom>
      </border>
    </dxf>
    <dxf>
      <font>
        <b val="0"/>
        <i val="0"/>
        <strike val="0"/>
        <condense val="0"/>
        <extend val="0"/>
        <outline val="0"/>
        <shadow val="0"/>
        <u val="none"/>
        <vertAlign val="baseline"/>
        <sz val="10"/>
        <color theme="1"/>
        <name val="Century Gothic"/>
        <family val="2"/>
        <scheme val="none"/>
      </font>
      <alignment horizontal="left" vertical="top" textRotation="0" wrapText="1" indent="0" justifyLastLine="0" shrinkToFit="0" readingOrder="0"/>
    </dxf>
    <dxf>
      <border diagonalUp="0" diagonalDown="0">
        <left style="thin">
          <color auto="1"/>
        </left>
        <right style="thin">
          <color auto="1"/>
        </right>
        <top/>
        <bottom/>
        <vertical style="thin">
          <color auto="1"/>
        </vertical>
        <horizontal style="thin">
          <color auto="1"/>
        </horizontal>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left style="thin">
          <color auto="1"/>
        </left>
        <right/>
        <top style="thin">
          <color auto="1"/>
        </top>
        <bottom style="thin">
          <color auto="1"/>
        </bottom>
        <vertical/>
        <horizontal/>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left style="thin">
          <color auto="1"/>
        </left>
        <right style="thin">
          <color auto="1"/>
        </right>
        <top style="thin">
          <color auto="1"/>
        </top>
        <bottom style="thin">
          <color auto="1"/>
        </bottom>
        <vertical/>
        <horizontal/>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left/>
        <right style="thin">
          <color auto="1"/>
        </right>
        <top style="thin">
          <color auto="1"/>
        </top>
        <bottom style="thin">
          <color auto="1"/>
        </bottom>
        <vertical/>
        <horizontal/>
      </border>
    </dxf>
    <dxf>
      <border outline="0">
        <top style="thin">
          <color auto="1"/>
        </top>
      </border>
    </dxf>
    <dxf>
      <border outline="0">
        <bottom style="thin">
          <color auto="1"/>
        </bottom>
      </border>
    </dxf>
    <dxf>
      <border outline="0">
        <left style="thin">
          <color auto="1"/>
        </left>
        <right style="thin">
          <color auto="1"/>
        </right>
        <top style="thin">
          <color auto="1"/>
        </top>
        <bottom style="thin">
          <color auto="1"/>
        </bottom>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outline="0">
        <left style="thin">
          <color auto="1"/>
        </left>
        <right style="thin">
          <color auto="1"/>
        </right>
        <top/>
        <bottom/>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left style="thin">
          <color auto="1"/>
        </left>
        <right/>
        <top style="thin">
          <color auto="1"/>
        </top>
        <bottom style="thin">
          <color auto="1"/>
        </bottom>
        <vertical/>
        <horizontal/>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left style="thin">
          <color auto="1"/>
        </left>
        <right style="thin">
          <color auto="1"/>
        </right>
        <top style="thin">
          <color auto="1"/>
        </top>
        <bottom style="thin">
          <color auto="1"/>
        </bottom>
        <vertical/>
        <horizontal/>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left/>
        <right style="thin">
          <color auto="1"/>
        </right>
        <top style="thin">
          <color auto="1"/>
        </top>
        <bottom style="thin">
          <color auto="1"/>
        </bottom>
        <vertical/>
        <horizontal/>
      </border>
    </dxf>
    <dxf>
      <border outline="0">
        <top style="thin">
          <color auto="1"/>
        </top>
      </border>
    </dxf>
    <dxf>
      <border outline="0">
        <bottom style="thin">
          <color auto="1"/>
        </bottom>
      </border>
    </dxf>
    <dxf>
      <border outline="0">
        <left style="thin">
          <color auto="1"/>
        </left>
        <right style="thin">
          <color auto="1"/>
        </right>
        <top style="thin">
          <color auto="1"/>
        </top>
        <bottom style="thin">
          <color auto="1"/>
        </bottom>
      </border>
    </dxf>
    <dxf>
      <font>
        <b val="0"/>
        <i val="0"/>
        <strike val="0"/>
        <condense val="0"/>
        <extend val="0"/>
        <outline val="0"/>
        <shadow val="0"/>
        <u val="none"/>
        <vertAlign val="baseline"/>
        <sz val="11"/>
        <color theme="1"/>
        <name val="Century Gothic"/>
        <family val="2"/>
        <scheme val="none"/>
      </font>
      <alignment horizontal="left" vertical="top" textRotation="0" wrapText="1" indent="0" justifyLastLine="0" shrinkToFit="0" readingOrder="0"/>
      <border diagonalUp="0" diagonalDown="0" outline="0">
        <left style="thin">
          <color auto="1"/>
        </left>
        <right style="thin">
          <color auto="1"/>
        </right>
        <top/>
        <bottom/>
      </border>
    </dxf>
  </dxfs>
  <tableStyles count="1" defaultTableStyle="TableStyleMedium2" defaultPivotStyle="PivotStyleLight16">
    <tableStyle name="Invisible" pivot="0" table="0" count="0" xr9:uid="{D61E1CBF-BA1D-46B4-853B-600C570A1BE5}"/>
  </tableStyles>
  <colors>
    <mruColors>
      <color rgb="FFA5A5A5"/>
      <color rgb="FFCE8CE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customXml" Target="../customXml/item4.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T:\New%20-%20Enterprise%20Risk%20Management\2021_Risk%20Assessment\Archive\Risk%20Register%20Template.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145351\AppData\Local\Microsoft\Windows\Temporary%20Internet%20Files\Content.Outlook\UGDZ6B2S\Master%20Risk%20Register%202015%20Updated_.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21 OA Register"/>
      <sheetName val="Risk Register Instructions"/>
      <sheetName val="Data Validation"/>
      <sheetName val="Risk Register Template"/>
    </sheetNames>
    <sheetDataSet>
      <sheetData sheetId="0" refreshError="1"/>
      <sheetData sheetId="1"/>
      <sheetData sheetId="2"/>
      <sheetData sheetId="3"/>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ing Criteria"/>
      <sheetName val="Mast Enterprise Identificat (2"/>
      <sheetName val="Master Threat Register"/>
      <sheetName val="Master Opportunity Register"/>
      <sheetName val="Mast Enterprise Identifications"/>
      <sheetName val="Master Retired Risks"/>
      <sheetName val="Reference"/>
      <sheetName val="Strategies"/>
      <sheetName val="Parameters"/>
    </sheetNames>
    <sheetDataSet>
      <sheetData sheetId="0"/>
      <sheetData sheetId="1"/>
      <sheetData sheetId="2"/>
      <sheetData sheetId="3"/>
      <sheetData sheetId="4"/>
      <sheetData sheetId="5"/>
      <sheetData sheetId="6"/>
      <sheetData sheetId="7"/>
      <sheetData sheetId="8"/>
    </sheetDataSet>
  </externalBook>
</externalLink>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CA62D234-F58C-4D70-A78B-9A77619092AA}" name="Table6" displayName="Table6" ref="A2:C7" totalsRowShown="0" headerRowDxfId="40" headerRowBorderDxfId="38" tableBorderDxfId="39" totalsRowBorderDxfId="37">
  <autoFilter ref="A2:C7" xr:uid="{5630CBC7-B40D-4113-B4F4-7A3995AE358C}"/>
  <tableColumns count="3">
    <tableColumn id="1" xr3:uid="{D6D9D51D-3D59-451D-9C5B-4211BB2594E6}" name="Score" dataDxfId="36"/>
    <tableColumn id="2" xr3:uid="{D10F680B-229A-4901-818C-7A75DDFB442D}" name="Value" dataDxfId="35"/>
    <tableColumn id="3" xr3:uid="{C33FD8DB-7D7A-4122-BF0C-B1656D917157}" name="Description" dataDxfId="34"/>
  </tableColumns>
  <tableStyleInfo name="TableStyleMedium1"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71BE9B16-49BA-4889-967E-E3EC725F783E}" name="Table7" displayName="Table7" ref="A10:C15" totalsRowShown="0" headerRowDxfId="33" headerRowBorderDxfId="31" tableBorderDxfId="32" totalsRowBorderDxfId="30">
  <autoFilter ref="A10:C15" xr:uid="{774D35A4-63F0-41C2-8640-6AA97626270F}"/>
  <tableColumns count="3">
    <tableColumn id="1" xr3:uid="{8197E4D4-F407-41D0-A92A-252EA582BD21}" name="Score" dataDxfId="29"/>
    <tableColumn id="2" xr3:uid="{B675288E-60B2-40CC-AD88-BFAA25EB1451}" name="Value" dataDxfId="28"/>
    <tableColumn id="3" xr3:uid="{0DC2E46F-2B64-4B7F-8198-D419120CB519}" name="Description" dataDxfId="27"/>
  </tableColumns>
  <tableStyleInfo name="TableStyleMedium1" showFirstColumn="0" showLastColumn="0" showRowStripes="1" showColumnStripes="0"/>
</table>
</file>

<file path=xl/tables/table3.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3" xr:uid="{073A7588-19D6-4CE5-9A15-DB520D6CFCA4}" name="Table2" displayName="Table2" ref="A4:G8" totalsRowShown="0" headerRowDxfId="26" dataDxfId="25" headerRowBorderDxfId="23" tableBorderDxfId="24" totalsRowBorderDxfId="22">
  <autoFilter ref="A4:G8" xr:uid="{1B119D96-8C18-4A0D-9DFB-01AB5529B249}"/>
  <tableColumns count="7">
    <tableColumn id="1" xr3:uid="{7DE54199-7E03-4E55-9C54-AB2728D7239D}" name="Risk Impact" dataDxfId="21"/>
    <tableColumn id="2" xr3:uid="{D63B92FC-C3CD-4B77-8981-FC9504172C22}" name="Description" dataDxfId="20"/>
    <tableColumn id="3" xr3:uid="{12FAE59B-B1A7-44E6-9B6E-32DD2C9F2F22}" name="Critical (5)" dataDxfId="19"/>
    <tableColumn id="4" xr3:uid="{DC0582B3-9AC4-4D2D-9CA6-09851CDB9BCB}" name="Major (4)" dataDxfId="18"/>
    <tableColumn id="5" xr3:uid="{6E39D91D-DB2B-4412-979E-7BE41CA443B4}" name="Moderate(3)" dataDxfId="17"/>
    <tableColumn id="6" xr3:uid="{00F33A80-6F2B-4555-BD5D-11014256BAEE}" name="Minor (2)" dataDxfId="16"/>
    <tableColumn id="7" xr3:uid="{0A65E6E8-C5DC-428C-8710-0EF9E8BFC568}" name="Insignificant (1)" dataDxfId="15"/>
  </tableColumns>
  <tableStyleInfo name="TableStyleMedium1" showFirstColumn="0" showLastColumn="0" showRowStripes="1" showColumnStripes="0"/>
</table>
</file>

<file path=xl/tables/table4.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4" xr:uid="{886BC6AF-67FA-496E-AA1F-2EDB09FF5DF0}" name="Table3" displayName="Table3" ref="A10:G14" totalsRowShown="0" dataDxfId="14">
  <autoFilter ref="A10:G14" xr:uid="{A3AA08E7-19B0-42EE-9F9B-54CF8BC28F09}"/>
  <tableColumns count="7">
    <tableColumn id="1" xr3:uid="{ECDB2315-47AF-4F81-8470-461EDAD5D823}" name="Risk Impact" dataDxfId="13"/>
    <tableColumn id="2" xr3:uid="{E7BAF919-CF6A-4455-B27B-DC9D9054C2BF}" name="Description" dataDxfId="12"/>
    <tableColumn id="3" xr3:uid="{6EC3020B-1960-436E-B262-5097C19AC616}" name="Transformative (5)" dataDxfId="11"/>
    <tableColumn id="4" xr3:uid="{FB1526DB-60BB-482F-81D5-907FF80A312A}" name="Major (4)" dataDxfId="10"/>
    <tableColumn id="5" xr3:uid="{DF7FEC9F-82D6-4F4E-B323-E02FDE628087}" name="Moderate(3)" dataDxfId="9"/>
    <tableColumn id="6" xr3:uid="{2702D5EA-658E-4CA5-9CCA-8ECCD962F4B2}" name="Minor (2)" dataDxfId="8"/>
    <tableColumn id="7" xr3:uid="{C0215511-2220-4BD4-A0F4-3758E0C84FA1}" name="Insignificant (1)" dataDxfId="7"/>
  </tableColumns>
  <tableStyleInfo name="TableStyleMedium1" showFirstColumn="0" showLastColumn="0" showRowStripes="1" showColumnStripes="0"/>
</table>
</file>

<file path=xl/tables/table5.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5" xr:uid="{64F76BD0-2970-4670-B61F-EE9CDB2828F4}" name="Table69" displayName="Table69" ref="A2:C7" totalsRowShown="0" headerRowDxfId="6" headerRowBorderDxfId="4" tableBorderDxfId="5" totalsRowBorderDxfId="3">
  <autoFilter ref="A2:C7" xr:uid="{5630CBC7-B40D-4113-B4F4-7A3995AE358C}"/>
  <tableColumns count="3">
    <tableColumn id="1" xr3:uid="{AE6C6485-5A96-45CC-A385-ACE6D9D12A1F}" name="Score" dataDxfId="2"/>
    <tableColumn id="2" xr3:uid="{4AEE4A52-E3C0-4441-91D1-6A3968B16509}" name="Value" dataDxfId="1"/>
    <tableColumn id="3" xr3:uid="{4035A121-9C0B-4EEE-94A3-5E0A60101468}" name="Description" dataDxfId="0"/>
  </tableColumns>
  <tableStyleInfo name="TableStyleMedium1"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table" Target="../tables/table2.xml"/><Relationship Id="rId1" Type="http://schemas.openxmlformats.org/officeDocument/2006/relationships/table" Target="../tables/table1.xml"/></Relationships>
</file>

<file path=xl/worksheets/_rels/sheet4.xml.rels><?xml version="1.0" encoding="UTF-8" standalone="yes"?>
<Relationships xmlns="http://schemas.openxmlformats.org/package/2006/relationships"><Relationship Id="rId3" Type="http://schemas.openxmlformats.org/officeDocument/2006/relationships/table" Target="../tables/table4.xml"/><Relationship Id="rId2" Type="http://schemas.openxmlformats.org/officeDocument/2006/relationships/table" Target="../tables/table3.xml"/><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table" Target="../tables/table5.xm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AD6C40-A3B1-42F7-B984-9DD0C36A2440}">
  <sheetPr codeName="Sheet1">
    <tabColor theme="7"/>
    <pageSetUpPr fitToPage="1"/>
  </sheetPr>
  <dimension ref="A1:Q670"/>
  <sheetViews>
    <sheetView showGridLines="0" tabSelected="1" showWhiteSpace="0" zoomScaleNormal="100" zoomScaleSheetLayoutView="25" zoomScalePageLayoutView="25" workbookViewId="0">
      <pane ySplit="1" topLeftCell="H2" activePane="bottomLeft" state="frozen"/>
      <selection pane="bottomLeft" activeCell="O3" sqref="O3"/>
    </sheetView>
  </sheetViews>
  <sheetFormatPr defaultColWidth="22.7109375" defaultRowHeight="174.75" customHeight="1"/>
  <cols>
    <col min="1" max="1" width="16.28515625" style="1" customWidth="1"/>
    <col min="2" max="2" width="35.5703125" style="1" customWidth="1"/>
    <col min="3" max="4" width="71" style="1" customWidth="1"/>
    <col min="5" max="6" width="6.140625" style="76" customWidth="1"/>
    <col min="7" max="10" width="8.85546875" style="76" customWidth="1"/>
    <col min="11" max="11" width="6.140625" style="76" customWidth="1"/>
    <col min="12" max="13" width="66" style="1" customWidth="1"/>
    <col min="14" max="14" width="40.5703125" style="1" customWidth="1"/>
    <col min="15" max="15" width="43" style="1" customWidth="1"/>
    <col min="16" max="16384" width="22.7109375" style="1"/>
  </cols>
  <sheetData>
    <row r="1" spans="1:15" s="7" customFormat="1" ht="105.75" customHeight="1">
      <c r="A1" s="6" t="s">
        <v>0</v>
      </c>
      <c r="B1" s="82" t="s">
        <v>1</v>
      </c>
      <c r="C1" s="82" t="s">
        <v>2</v>
      </c>
      <c r="D1" s="6" t="s">
        <v>3</v>
      </c>
      <c r="E1" s="79" t="s">
        <v>4</v>
      </c>
      <c r="F1" s="75" t="s">
        <v>5</v>
      </c>
      <c r="G1" s="77" t="s">
        <v>6</v>
      </c>
      <c r="H1" s="77" t="s">
        <v>7</v>
      </c>
      <c r="I1" s="77" t="s">
        <v>8</v>
      </c>
      <c r="J1" s="77" t="s">
        <v>9</v>
      </c>
      <c r="K1" s="78" t="s">
        <v>10</v>
      </c>
      <c r="L1" s="6" t="s">
        <v>11</v>
      </c>
      <c r="M1" s="6" t="s">
        <v>12</v>
      </c>
      <c r="N1" s="7" t="s">
        <v>13</v>
      </c>
      <c r="O1" s="6" t="s">
        <v>14</v>
      </c>
    </row>
    <row r="2" spans="1:15" ht="203.25" customHeight="1">
      <c r="A2" s="81"/>
      <c r="B2" s="81" t="s">
        <v>15</v>
      </c>
      <c r="C2" s="84" t="s">
        <v>16</v>
      </c>
      <c r="D2" s="81"/>
      <c r="E2" s="83"/>
      <c r="F2" s="83"/>
      <c r="G2" s="83"/>
      <c r="H2" s="83"/>
      <c r="I2" s="83"/>
      <c r="J2" s="83"/>
      <c r="K2" s="83"/>
      <c r="L2" s="81"/>
      <c r="M2" s="81"/>
      <c r="N2" s="81"/>
      <c r="O2" s="81"/>
    </row>
    <row r="9" spans="1:15" s="8" customFormat="1" ht="174.75" customHeight="1">
      <c r="A9" s="1"/>
      <c r="B9" s="1"/>
      <c r="C9" s="1"/>
      <c r="D9" s="1"/>
      <c r="E9" s="76"/>
      <c r="F9" s="76"/>
      <c r="G9" s="76"/>
      <c r="H9" s="76"/>
      <c r="I9" s="76"/>
      <c r="J9" s="76"/>
      <c r="K9" s="76"/>
      <c r="L9" s="1"/>
      <c r="M9" s="1"/>
      <c r="N9" s="1"/>
      <c r="O9" s="1"/>
    </row>
    <row r="10" spans="1:15" s="8" customFormat="1" ht="174.75" customHeight="1">
      <c r="A10" s="1"/>
      <c r="B10" s="1"/>
      <c r="C10" s="1"/>
      <c r="D10" s="1"/>
      <c r="E10" s="76"/>
      <c r="F10" s="76"/>
      <c r="G10" s="76"/>
      <c r="H10" s="76"/>
      <c r="I10" s="76"/>
      <c r="J10" s="76"/>
      <c r="K10" s="76"/>
      <c r="L10" s="1"/>
      <c r="M10" s="1"/>
      <c r="N10" s="1"/>
      <c r="O10" s="1"/>
    </row>
    <row r="61" spans="1:3" ht="174.75" customHeight="1">
      <c r="A61" s="2"/>
    </row>
    <row r="62" spans="1:3" ht="174.75" customHeight="1">
      <c r="B62" s="2"/>
      <c r="C62" s="2"/>
    </row>
    <row r="66" spans="1:14" ht="174.75" customHeight="1">
      <c r="B66" s="2"/>
      <c r="C66" s="2"/>
    </row>
    <row r="67" spans="1:14" ht="174.75" customHeight="1">
      <c r="B67" s="2"/>
      <c r="C67" s="2"/>
      <c r="D67" s="2"/>
    </row>
    <row r="69" spans="1:14" ht="174.75" customHeight="1">
      <c r="N69" s="2"/>
    </row>
    <row r="70" spans="1:14" ht="174.75" customHeight="1">
      <c r="B70" s="2"/>
      <c r="C70" s="2"/>
    </row>
    <row r="71" spans="1:14" ht="174.75" customHeight="1">
      <c r="D71" s="3"/>
    </row>
    <row r="72" spans="1:14" ht="174.75" customHeight="1">
      <c r="B72" s="2"/>
      <c r="C72" s="2"/>
      <c r="D72" s="4"/>
      <c r="M72" s="5"/>
    </row>
    <row r="73" spans="1:14" ht="174.75" customHeight="1">
      <c r="A73" s="2"/>
    </row>
    <row r="74" spans="1:14" ht="174.75" customHeight="1">
      <c r="A74" s="2"/>
    </row>
    <row r="194" ht="280.5" customHeight="1"/>
    <row r="495" spans="2:4" ht="174.75" customHeight="1">
      <c r="B495" s="2"/>
      <c r="C495" s="2"/>
      <c r="D495" s="2"/>
    </row>
    <row r="497" spans="2:4" ht="174.75" customHeight="1">
      <c r="B497" s="2"/>
      <c r="C497" s="2"/>
    </row>
    <row r="498" spans="2:4" ht="174.75" customHeight="1">
      <c r="B498" s="2"/>
      <c r="C498" s="2"/>
      <c r="D498" s="2"/>
    </row>
    <row r="499" spans="2:4" ht="174.75" customHeight="1">
      <c r="B499" s="2"/>
      <c r="C499" s="2"/>
      <c r="D499" s="2"/>
    </row>
    <row r="500" spans="2:4" ht="174.75" customHeight="1">
      <c r="B500" s="2"/>
      <c r="C500" s="2"/>
      <c r="D500" s="2"/>
    </row>
    <row r="503" spans="2:4" ht="174.75" customHeight="1">
      <c r="B503" s="2"/>
      <c r="C503" s="2"/>
    </row>
    <row r="546" ht="247.5" customHeight="1"/>
    <row r="659" spans="1:17" ht="174.75" customHeight="1">
      <c r="B659" s="2"/>
      <c r="C659" s="2"/>
      <c r="D659" s="2"/>
    </row>
    <row r="660" spans="1:17" ht="174.75" customHeight="1">
      <c r="B660" s="2"/>
      <c r="C660" s="2"/>
      <c r="D660" s="2"/>
    </row>
    <row r="661" spans="1:17" ht="174.75" customHeight="1">
      <c r="B661" s="2"/>
      <c r="C661" s="2"/>
      <c r="D661" s="2"/>
    </row>
    <row r="662" spans="1:17" ht="174.75" customHeight="1">
      <c r="B662" s="2"/>
      <c r="C662" s="2"/>
      <c r="D662" s="2"/>
    </row>
    <row r="663" spans="1:17" ht="174.75" customHeight="1">
      <c r="B663" s="2"/>
      <c r="C663" s="2"/>
      <c r="D663" s="2"/>
    </row>
    <row r="665" spans="1:17" s="8" customFormat="1" ht="174.75" customHeight="1">
      <c r="A665" s="1"/>
      <c r="B665" s="1"/>
      <c r="C665" s="1"/>
      <c r="D665" s="1"/>
      <c r="E665" s="76"/>
      <c r="F665" s="76"/>
      <c r="G665" s="76"/>
      <c r="H665" s="76"/>
      <c r="I665" s="76"/>
      <c r="J665" s="76"/>
      <c r="K665" s="76"/>
      <c r="L665" s="1"/>
      <c r="M665" s="1"/>
      <c r="N665" s="1"/>
      <c r="O665" s="1"/>
      <c r="P665" s="1"/>
      <c r="Q665" s="1"/>
    </row>
    <row r="669" spans="1:17" ht="174.75" customHeight="1">
      <c r="B669" s="2"/>
      <c r="C669" s="2"/>
    </row>
    <row r="670" spans="1:17" ht="174.75" customHeight="1">
      <c r="B670" s="2"/>
      <c r="C670" s="2"/>
    </row>
  </sheetData>
  <dataConsolidate/>
  <printOptions horizontalCentered="1" gridLines="1"/>
  <pageMargins left="0.25" right="0.25" top="0.75" bottom="0.75" header="0.3" footer="0.3"/>
  <pageSetup paperSize="17" scale="40" fitToHeight="0" orientation="landscape" r:id="rId1"/>
  <headerFooter>
    <oddHeader>&amp;C&amp;"-,Bold"&amp;25&amp;K000000&amp;A&amp;R&amp;25Printed on &amp;D</oddHeader>
    <oddFooter>&amp;L&amp;25&amp;F&amp;R&amp;25&amp;P of &amp;N</oddFooter>
  </headerFooter>
  <extLst>
    <ext xmlns:x14="http://schemas.microsoft.com/office/spreadsheetml/2009/9/main" uri="{CCE6A557-97BC-4b89-ADB6-D9C93CAAB3DF}">
      <x14:dataValidations xmlns:xm="http://schemas.microsoft.com/office/excel/2006/main" count="4">
        <x14:dataValidation type="list" allowBlank="1" showInputMessage="1" showErrorMessage="1" xr:uid="{4DF939EB-D974-4945-89C6-D05BB67B89EB}">
          <x14:formula1>
            <xm:f>'Menu Options'!$A$2:$A$16</xm:f>
          </x14:formula1>
          <xm:sqref>N3:N700</xm:sqref>
        </x14:dataValidation>
        <x14:dataValidation type="list" allowBlank="1" showInputMessage="1" showErrorMessage="1" xr:uid="{251DCBC7-69C9-418F-BDFD-63BCDA0A77F2}">
          <x14:formula1>
            <xm:f>'Menu Options'!$D$2:$D$3</xm:f>
          </x14:formula1>
          <xm:sqref>E3:E1048576</xm:sqref>
        </x14:dataValidation>
        <x14:dataValidation type="list" allowBlank="1" showInputMessage="1" showErrorMessage="1" xr:uid="{B22F50CD-542E-4E0F-8CA6-5CDFDBEC27A5}">
          <x14:formula1>
            <xm:f>'Menu Options'!$B$2:$B$6</xm:f>
          </x14:formula1>
          <xm:sqref>F3:K1048576</xm:sqref>
        </x14:dataValidation>
        <x14:dataValidation type="list" allowBlank="1" showInputMessage="1" showErrorMessage="1" xr:uid="{E0ECE4BD-0B69-476A-AF30-95AADB077443}">
          <x14:formula1>
            <xm:f>'Menu Options'!$C$2:$C$26</xm:f>
          </x14:formula1>
          <xm:sqref>A3:A104857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C1BF85-94D1-40A7-899E-3EE5A32F8CF0}">
  <sheetPr codeName="Sheet2">
    <tabColor theme="5" tint="0.59999389629810485"/>
  </sheetPr>
  <dimension ref="A1:H86"/>
  <sheetViews>
    <sheetView topLeftCell="A64" workbookViewId="0">
      <selection activeCell="A67" sqref="A67"/>
    </sheetView>
  </sheetViews>
  <sheetFormatPr defaultRowHeight="15"/>
  <cols>
    <col min="1" max="1" width="116.5703125" style="12" customWidth="1"/>
    <col min="2" max="2" width="9.140625" style="12" customWidth="1"/>
    <col min="3" max="16384" width="9.140625" style="12"/>
  </cols>
  <sheetData>
    <row r="1" spans="1:8" ht="17.25">
      <c r="A1" s="11"/>
    </row>
    <row r="2" spans="1:8">
      <c r="A2" s="13" t="s">
        <v>17</v>
      </c>
    </row>
    <row r="3" spans="1:8" ht="33" customHeight="1">
      <c r="A3" s="14" t="s">
        <v>18</v>
      </c>
    </row>
    <row r="4" spans="1:8" ht="18" customHeight="1">
      <c r="A4" s="11"/>
    </row>
    <row r="5" spans="1:8" ht="69" customHeight="1">
      <c r="A5" s="14" t="s">
        <v>19</v>
      </c>
    </row>
    <row r="6" spans="1:8" ht="20.25" customHeight="1">
      <c r="A6" s="14"/>
    </row>
    <row r="7" spans="1:8" ht="37.5" customHeight="1">
      <c r="A7" s="14" t="s">
        <v>20</v>
      </c>
    </row>
    <row r="8" spans="1:8" ht="17.25">
      <c r="A8" s="11"/>
    </row>
    <row r="9" spans="1:8" ht="36.75" customHeight="1">
      <c r="A9" s="14" t="s">
        <v>21</v>
      </c>
    </row>
    <row r="10" spans="1:8" ht="17.25">
      <c r="A10" s="11"/>
    </row>
    <row r="11" spans="1:8">
      <c r="A11" s="13" t="s">
        <v>22</v>
      </c>
    </row>
    <row r="12" spans="1:8" ht="69">
      <c r="A12" s="14" t="s">
        <v>23</v>
      </c>
    </row>
    <row r="13" spans="1:8" ht="17.25">
      <c r="A13" s="11" t="s">
        <v>24</v>
      </c>
    </row>
    <row r="14" spans="1:8" ht="17.25">
      <c r="A14" s="11"/>
    </row>
    <row r="15" spans="1:8" ht="17.25" customHeight="1">
      <c r="A15" s="11" t="s">
        <v>25</v>
      </c>
      <c r="B15" s="16"/>
      <c r="H15" s="16"/>
    </row>
    <row r="16" spans="1:8" ht="17.25" customHeight="1">
      <c r="A16" s="11" t="s">
        <v>26</v>
      </c>
      <c r="B16" s="16"/>
      <c r="D16" s="23" t="s">
        <v>27</v>
      </c>
      <c r="H16" s="16"/>
    </row>
    <row r="17" spans="1:5" ht="17.25" customHeight="1">
      <c r="A17" s="28" t="s">
        <v>28</v>
      </c>
      <c r="B17" s="17" t="s">
        <v>29</v>
      </c>
    </row>
    <row r="18" spans="1:5" ht="17.25" customHeight="1">
      <c r="A18" s="18" t="s">
        <v>30</v>
      </c>
      <c r="D18" s="27" t="s">
        <v>31</v>
      </c>
      <c r="E18" s="27"/>
    </row>
    <row r="19" spans="1:5" ht="17.25" customHeight="1">
      <c r="A19" s="18" t="s">
        <v>32</v>
      </c>
      <c r="C19" s="19" t="s">
        <v>33</v>
      </c>
    </row>
    <row r="20" spans="1:5" ht="17.25">
      <c r="A20" s="18"/>
      <c r="C20" s="19"/>
    </row>
    <row r="21" spans="1:5" ht="17.25">
      <c r="A21" s="11" t="s">
        <v>34</v>
      </c>
    </row>
    <row r="22" spans="1:5" ht="17.25">
      <c r="A22" s="11"/>
    </row>
    <row r="23" spans="1:5" ht="17.25">
      <c r="A23" s="11" t="s">
        <v>35</v>
      </c>
    </row>
    <row r="24" spans="1:5" ht="17.25">
      <c r="A24" s="11" t="s">
        <v>36</v>
      </c>
    </row>
    <row r="25" spans="1:5" ht="17.25">
      <c r="A25" s="29" t="s">
        <v>37</v>
      </c>
    </row>
    <row r="26" spans="1:5" ht="17.25">
      <c r="A26" s="29" t="s">
        <v>38</v>
      </c>
    </row>
    <row r="27" spans="1:5" ht="17.25">
      <c r="A27" s="29"/>
    </row>
    <row r="28" spans="1:5" ht="17.25">
      <c r="A28" s="11" t="s">
        <v>39</v>
      </c>
    </row>
    <row r="30" spans="1:5">
      <c r="A30" s="20" t="s">
        <v>40</v>
      </c>
    </row>
    <row r="32" spans="1:5">
      <c r="A32" s="21" t="s">
        <v>41</v>
      </c>
    </row>
    <row r="34" spans="1:1">
      <c r="A34" s="21" t="s">
        <v>42</v>
      </c>
    </row>
    <row r="36" spans="1:1">
      <c r="A36" s="21" t="s">
        <v>43</v>
      </c>
    </row>
    <row r="38" spans="1:1">
      <c r="A38" s="21" t="s">
        <v>44</v>
      </c>
    </row>
    <row r="40" spans="1:1" ht="17.25">
      <c r="A40" s="11" t="s">
        <v>45</v>
      </c>
    </row>
    <row r="41" spans="1:1" ht="17.25">
      <c r="A41" s="11" t="s">
        <v>27</v>
      </c>
    </row>
    <row r="43" spans="1:1">
      <c r="A43" s="22" t="s">
        <v>46</v>
      </c>
    </row>
    <row r="44" spans="1:1">
      <c r="A44" s="22" t="s">
        <v>47</v>
      </c>
    </row>
    <row r="45" spans="1:1">
      <c r="A45" s="22" t="s">
        <v>48</v>
      </c>
    </row>
    <row r="46" spans="1:1">
      <c r="A46" s="22" t="s">
        <v>49</v>
      </c>
    </row>
    <row r="47" spans="1:1">
      <c r="A47" s="22" t="s">
        <v>50</v>
      </c>
    </row>
    <row r="48" spans="1:1">
      <c r="A48" s="22" t="s">
        <v>51</v>
      </c>
    </row>
    <row r="49" spans="1:1">
      <c r="A49" s="22" t="s">
        <v>52</v>
      </c>
    </row>
    <row r="50" spans="1:1" ht="17.25">
      <c r="A50" s="23"/>
    </row>
    <row r="51" spans="1:1" ht="15.75">
      <c r="A51" s="15" t="s">
        <v>53</v>
      </c>
    </row>
    <row r="52" spans="1:1" ht="17.25">
      <c r="A52" s="11" t="s">
        <v>54</v>
      </c>
    </row>
    <row r="53" spans="1:1" ht="17.25">
      <c r="A53" s="24" t="s">
        <v>55</v>
      </c>
    </row>
    <row r="54" spans="1:1" ht="17.25">
      <c r="A54" s="24" t="s">
        <v>56</v>
      </c>
    </row>
    <row r="55" spans="1:1" ht="17.25">
      <c r="A55" s="24" t="s">
        <v>57</v>
      </c>
    </row>
    <row r="56" spans="1:1" ht="17.25">
      <c r="A56" s="24" t="s">
        <v>58</v>
      </c>
    </row>
    <row r="57" spans="1:1" ht="17.25">
      <c r="A57" s="11" t="s">
        <v>59</v>
      </c>
    </row>
    <row r="58" spans="1:1" ht="17.25">
      <c r="A58" s="11"/>
    </row>
    <row r="59" spans="1:1" ht="15.75">
      <c r="A59" s="15" t="s">
        <v>60</v>
      </c>
    </row>
    <row r="60" spans="1:1" ht="17.25">
      <c r="A60" s="11" t="s">
        <v>61</v>
      </c>
    </row>
    <row r="61" spans="1:1" ht="17.25">
      <c r="A61" s="11"/>
    </row>
    <row r="62" spans="1:1" ht="17.25">
      <c r="A62" s="11" t="s">
        <v>62</v>
      </c>
    </row>
    <row r="63" spans="1:1" ht="17.25">
      <c r="A63" s="11" t="s">
        <v>63</v>
      </c>
    </row>
    <row r="64" spans="1:1" ht="17.25">
      <c r="A64" s="11"/>
    </row>
    <row r="65" spans="1:1" ht="15.75">
      <c r="A65" s="15" t="s">
        <v>64</v>
      </c>
    </row>
    <row r="66" spans="1:1" ht="36" customHeight="1">
      <c r="A66" s="80" t="s">
        <v>65</v>
      </c>
    </row>
    <row r="67" spans="1:1" ht="54" customHeight="1">
      <c r="A67" s="97" t="s">
        <v>66</v>
      </c>
    </row>
    <row r="68" spans="1:1" ht="33" customHeight="1">
      <c r="A68" s="25" t="s">
        <v>67</v>
      </c>
    </row>
    <row r="69" spans="1:1" ht="17.25">
      <c r="A69" s="26"/>
    </row>
    <row r="70" spans="1:1" ht="17.25">
      <c r="A70" s="11" t="s">
        <v>68</v>
      </c>
    </row>
    <row r="71" spans="1:1" ht="17.25">
      <c r="A71" s="11" t="s">
        <v>69</v>
      </c>
    </row>
    <row r="72" spans="1:1" ht="17.25">
      <c r="A72" s="11"/>
    </row>
    <row r="73" spans="1:1" ht="17.25">
      <c r="A73" s="11" t="s">
        <v>70</v>
      </c>
    </row>
    <row r="74" spans="1:1" ht="17.25">
      <c r="A74" s="11" t="s">
        <v>71</v>
      </c>
    </row>
    <row r="75" spans="1:1" ht="17.25">
      <c r="A75" s="11"/>
    </row>
    <row r="76" spans="1:1" ht="15.75">
      <c r="A76" s="15" t="s">
        <v>72</v>
      </c>
    </row>
    <row r="77" spans="1:1" ht="17.25">
      <c r="A77" s="11" t="s">
        <v>73</v>
      </c>
    </row>
    <row r="78" spans="1:1" ht="17.25">
      <c r="A78" s="25" t="s">
        <v>74</v>
      </c>
    </row>
    <row r="79" spans="1:1" ht="17.25">
      <c r="A79" s="25" t="s">
        <v>75</v>
      </c>
    </row>
    <row r="80" spans="1:1" ht="17.25">
      <c r="A80" s="26"/>
    </row>
    <row r="81" spans="1:1" ht="15.75">
      <c r="A81" s="15" t="s">
        <v>76</v>
      </c>
    </row>
    <row r="82" spans="1:1" ht="17.25">
      <c r="A82" s="11" t="s">
        <v>77</v>
      </c>
    </row>
    <row r="83" spans="1:1" ht="17.25">
      <c r="A83" s="25" t="s">
        <v>78</v>
      </c>
    </row>
    <row r="84" spans="1:1" ht="17.25">
      <c r="A84" s="26"/>
    </row>
    <row r="85" spans="1:1" ht="15.75">
      <c r="A85" s="15" t="s">
        <v>79</v>
      </c>
    </row>
    <row r="86" spans="1:1" ht="17.25">
      <c r="A86" s="23" t="s">
        <v>80</v>
      </c>
    </row>
  </sheetData>
  <sheetProtection selectLockedCells="1" selectUnlockedCells="1"/>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AC70A3E-E264-474D-AD47-661FFB450628}">
  <sheetPr codeName="Sheet3">
    <tabColor theme="4" tint="0.59999389629810485"/>
  </sheetPr>
  <dimension ref="A1:C15"/>
  <sheetViews>
    <sheetView workbookViewId="0">
      <selection activeCell="D6" sqref="D6"/>
    </sheetView>
  </sheetViews>
  <sheetFormatPr defaultRowHeight="15"/>
  <cols>
    <col min="1" max="1" width="10.28515625" style="30" customWidth="1"/>
    <col min="2" max="2" width="15.140625" style="30" customWidth="1"/>
    <col min="3" max="3" width="47.7109375" style="30" customWidth="1"/>
    <col min="4" max="16384" width="9.140625" style="30"/>
  </cols>
  <sheetData>
    <row r="1" spans="1:3" ht="36" customHeight="1">
      <c r="A1" s="85" t="s">
        <v>81</v>
      </c>
      <c r="B1" s="86"/>
      <c r="C1" s="87"/>
    </row>
    <row r="2" spans="1:3" ht="16.5">
      <c r="A2" s="31" t="s">
        <v>82</v>
      </c>
      <c r="B2" s="32" t="s">
        <v>83</v>
      </c>
      <c r="C2" s="33" t="s">
        <v>84</v>
      </c>
    </row>
    <row r="3" spans="1:3" ht="33">
      <c r="A3" s="34">
        <v>1</v>
      </c>
      <c r="B3" s="35" t="s">
        <v>85</v>
      </c>
      <c r="C3" s="36" t="s">
        <v>86</v>
      </c>
    </row>
    <row r="4" spans="1:3" ht="33">
      <c r="A4" s="34">
        <v>2</v>
      </c>
      <c r="B4" s="37" t="s">
        <v>87</v>
      </c>
      <c r="C4" s="36" t="s">
        <v>88</v>
      </c>
    </row>
    <row r="5" spans="1:3" ht="49.5">
      <c r="A5" s="34">
        <v>3</v>
      </c>
      <c r="B5" s="38" t="s">
        <v>89</v>
      </c>
      <c r="C5" s="36" t="s">
        <v>90</v>
      </c>
    </row>
    <row r="6" spans="1:3" ht="33">
      <c r="A6" s="34">
        <v>4</v>
      </c>
      <c r="B6" s="39" t="s">
        <v>91</v>
      </c>
      <c r="C6" s="36" t="s">
        <v>92</v>
      </c>
    </row>
    <row r="7" spans="1:3" ht="33">
      <c r="A7" s="40">
        <v>5</v>
      </c>
      <c r="B7" s="41" t="s">
        <v>93</v>
      </c>
      <c r="C7" s="42" t="s">
        <v>94</v>
      </c>
    </row>
    <row r="8" spans="1:3" ht="16.5">
      <c r="A8" s="88"/>
      <c r="B8" s="86"/>
      <c r="C8" s="87"/>
    </row>
    <row r="9" spans="1:3" ht="36" customHeight="1">
      <c r="A9" s="89" t="s">
        <v>95</v>
      </c>
      <c r="B9" s="90"/>
      <c r="C9" s="91"/>
    </row>
    <row r="10" spans="1:3" ht="16.5">
      <c r="A10" s="31" t="s">
        <v>82</v>
      </c>
      <c r="B10" s="32" t="s">
        <v>83</v>
      </c>
      <c r="C10" s="33" t="s">
        <v>84</v>
      </c>
    </row>
    <row r="11" spans="1:3" ht="33">
      <c r="A11" s="34">
        <v>1</v>
      </c>
      <c r="B11" s="43" t="s">
        <v>85</v>
      </c>
      <c r="C11" s="36" t="s">
        <v>96</v>
      </c>
    </row>
    <row r="12" spans="1:3" ht="33">
      <c r="A12" s="34">
        <v>2</v>
      </c>
      <c r="B12" s="44" t="s">
        <v>87</v>
      </c>
      <c r="C12" s="36" t="s">
        <v>97</v>
      </c>
    </row>
    <row r="13" spans="1:3" ht="49.5">
      <c r="A13" s="34">
        <v>3</v>
      </c>
      <c r="B13" s="45" t="s">
        <v>89</v>
      </c>
      <c r="C13" s="36" t="s">
        <v>98</v>
      </c>
    </row>
    <row r="14" spans="1:3" ht="33">
      <c r="A14" s="34">
        <v>4</v>
      </c>
      <c r="B14" s="46" t="s">
        <v>91</v>
      </c>
      <c r="C14" s="36" t="s">
        <v>99</v>
      </c>
    </row>
    <row r="15" spans="1:3" ht="33">
      <c r="A15" s="40">
        <v>5</v>
      </c>
      <c r="B15" s="47" t="s">
        <v>93</v>
      </c>
      <c r="C15" s="42" t="s">
        <v>100</v>
      </c>
    </row>
  </sheetData>
  <mergeCells count="3">
    <mergeCell ref="A1:C1"/>
    <mergeCell ref="A8:C8"/>
    <mergeCell ref="A9:C9"/>
  </mergeCells>
  <pageMargins left="0.7" right="0.7" top="0.75" bottom="0.75" header="0.3" footer="0.3"/>
  <tableParts count="2">
    <tablePart r:id="rId1"/>
    <tablePart r:id="rId2"/>
  </tablePart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8FE0E2B-9EFF-4CA0-A2C5-B2E2A4771752}">
  <sheetPr codeName="Sheet4">
    <tabColor rgb="FFCE8CE0"/>
  </sheetPr>
  <dimension ref="A1:G14"/>
  <sheetViews>
    <sheetView topLeftCell="B7" zoomScaleNormal="100" workbookViewId="0">
      <selection activeCell="D7" sqref="D7"/>
    </sheetView>
  </sheetViews>
  <sheetFormatPr defaultColWidth="9.140625" defaultRowHeight="159" customHeight="1"/>
  <cols>
    <col min="1" max="1" width="14.140625" style="69" customWidth="1"/>
    <col min="2" max="2" width="29.5703125" style="69" customWidth="1"/>
    <col min="3" max="7" width="41.5703125" style="69" customWidth="1"/>
    <col min="8" max="16384" width="9.140625" style="48"/>
  </cols>
  <sheetData>
    <row r="1" spans="1:7" ht="28.5" customHeight="1">
      <c r="A1" s="92" t="s">
        <v>101</v>
      </c>
      <c r="B1" s="92"/>
      <c r="C1" s="92"/>
      <c r="D1" s="92"/>
      <c r="E1" s="92"/>
      <c r="F1" s="92"/>
      <c r="G1" s="92"/>
    </row>
    <row r="2" spans="1:7" ht="28.5" customHeight="1">
      <c r="A2" s="92"/>
      <c r="B2" s="92"/>
      <c r="C2" s="92"/>
      <c r="D2" s="92"/>
      <c r="E2" s="92"/>
      <c r="F2" s="92"/>
      <c r="G2" s="92"/>
    </row>
    <row r="3" spans="1:7" s="49" customFormat="1" ht="36" customHeight="1">
      <c r="A3" s="93" t="s">
        <v>102</v>
      </c>
      <c r="B3" s="94"/>
      <c r="C3" s="94"/>
      <c r="D3" s="94"/>
      <c r="E3" s="94"/>
      <c r="F3" s="94"/>
      <c r="G3" s="94"/>
    </row>
    <row r="4" spans="1:7" s="49" customFormat="1" ht="36" customHeight="1">
      <c r="A4" s="50" t="s">
        <v>103</v>
      </c>
      <c r="B4" s="51" t="s">
        <v>84</v>
      </c>
      <c r="C4" s="52" t="s">
        <v>104</v>
      </c>
      <c r="D4" s="53" t="s">
        <v>105</v>
      </c>
      <c r="E4" s="54" t="s">
        <v>106</v>
      </c>
      <c r="F4" s="55" t="s">
        <v>107</v>
      </c>
      <c r="G4" s="56" t="s">
        <v>108</v>
      </c>
    </row>
    <row r="5" spans="1:7" ht="159" customHeight="1">
      <c r="A5" s="57" t="s">
        <v>109</v>
      </c>
      <c r="B5" s="58" t="s">
        <v>110</v>
      </c>
      <c r="C5" s="58" t="s">
        <v>111</v>
      </c>
      <c r="D5" s="58" t="s">
        <v>112</v>
      </c>
      <c r="E5" s="58" t="s">
        <v>113</v>
      </c>
      <c r="F5" s="58" t="s">
        <v>114</v>
      </c>
      <c r="G5" s="59" t="s">
        <v>115</v>
      </c>
    </row>
    <row r="6" spans="1:7" ht="199.5" customHeight="1">
      <c r="A6" s="57" t="s">
        <v>116</v>
      </c>
      <c r="B6" s="58" t="s">
        <v>117</v>
      </c>
      <c r="C6" s="58" t="s">
        <v>118</v>
      </c>
      <c r="D6" s="58" t="s">
        <v>119</v>
      </c>
      <c r="E6" s="58" t="s">
        <v>120</v>
      </c>
      <c r="F6" s="58" t="s">
        <v>121</v>
      </c>
      <c r="G6" s="59" t="s">
        <v>122</v>
      </c>
    </row>
    <row r="7" spans="1:7" ht="295.5" customHeight="1">
      <c r="A7" s="57" t="s">
        <v>123</v>
      </c>
      <c r="B7" s="58" t="s">
        <v>124</v>
      </c>
      <c r="C7" s="58" t="s">
        <v>125</v>
      </c>
      <c r="D7" s="58" t="s">
        <v>126</v>
      </c>
      <c r="E7" s="58" t="s">
        <v>127</v>
      </c>
      <c r="F7" s="58" t="s">
        <v>128</v>
      </c>
      <c r="G7" s="59" t="s">
        <v>129</v>
      </c>
    </row>
    <row r="8" spans="1:7" ht="222" customHeight="1">
      <c r="A8" s="60" t="s">
        <v>130</v>
      </c>
      <c r="B8" s="61" t="s">
        <v>131</v>
      </c>
      <c r="C8" s="61" t="s">
        <v>132</v>
      </c>
      <c r="D8" s="61" t="s">
        <v>133</v>
      </c>
      <c r="E8" s="61" t="s">
        <v>134</v>
      </c>
      <c r="F8" s="61" t="s">
        <v>135</v>
      </c>
      <c r="G8" s="62" t="s">
        <v>136</v>
      </c>
    </row>
    <row r="9" spans="1:7" ht="36" customHeight="1">
      <c r="A9" s="95" t="s">
        <v>137</v>
      </c>
      <c r="B9" s="96"/>
      <c r="C9" s="96"/>
      <c r="D9" s="96"/>
      <c r="E9" s="96"/>
      <c r="F9" s="96"/>
      <c r="G9" s="96"/>
    </row>
    <row r="10" spans="1:7" ht="36" customHeight="1">
      <c r="A10" s="63" t="s">
        <v>103</v>
      </c>
      <c r="B10" s="63" t="s">
        <v>84</v>
      </c>
      <c r="C10" s="64" t="s">
        <v>138</v>
      </c>
      <c r="D10" s="65" t="s">
        <v>105</v>
      </c>
      <c r="E10" s="66" t="s">
        <v>106</v>
      </c>
      <c r="F10" s="67" t="s">
        <v>107</v>
      </c>
      <c r="G10" s="68" t="s">
        <v>108</v>
      </c>
    </row>
    <row r="11" spans="1:7" ht="159" customHeight="1">
      <c r="A11" s="69" t="s">
        <v>109</v>
      </c>
      <c r="B11" s="69" t="s">
        <v>110</v>
      </c>
      <c r="C11" s="69" t="s">
        <v>139</v>
      </c>
      <c r="D11" s="69" t="s">
        <v>140</v>
      </c>
      <c r="E11" s="69" t="s">
        <v>141</v>
      </c>
      <c r="F11" s="69" t="s">
        <v>142</v>
      </c>
      <c r="G11" s="69" t="s">
        <v>143</v>
      </c>
    </row>
    <row r="12" spans="1:7" ht="159" customHeight="1">
      <c r="A12" s="69" t="s">
        <v>116</v>
      </c>
      <c r="B12" s="69" t="s">
        <v>117</v>
      </c>
      <c r="C12" s="69" t="s">
        <v>144</v>
      </c>
      <c r="D12" s="69" t="s">
        <v>145</v>
      </c>
      <c r="E12" s="69" t="s">
        <v>146</v>
      </c>
      <c r="F12" s="69" t="s">
        <v>147</v>
      </c>
      <c r="G12" s="69" t="s">
        <v>148</v>
      </c>
    </row>
    <row r="13" spans="1:7" ht="159" customHeight="1">
      <c r="A13" s="69" t="s">
        <v>123</v>
      </c>
      <c r="B13" s="69" t="s">
        <v>124</v>
      </c>
      <c r="C13" s="69" t="s">
        <v>149</v>
      </c>
      <c r="D13" s="69" t="s">
        <v>150</v>
      </c>
      <c r="E13" s="69" t="s">
        <v>151</v>
      </c>
      <c r="F13" s="69" t="s">
        <v>152</v>
      </c>
      <c r="G13" s="69" t="s">
        <v>153</v>
      </c>
    </row>
    <row r="14" spans="1:7" ht="159" customHeight="1">
      <c r="A14" s="69" t="s">
        <v>130</v>
      </c>
      <c r="B14" s="69" t="s">
        <v>131</v>
      </c>
      <c r="C14" s="69" t="s">
        <v>154</v>
      </c>
      <c r="D14" s="69" t="s">
        <v>155</v>
      </c>
      <c r="E14" s="69" t="s">
        <v>156</v>
      </c>
      <c r="F14" s="69" t="s">
        <v>157</v>
      </c>
      <c r="G14" s="69" t="s">
        <v>158</v>
      </c>
    </row>
  </sheetData>
  <mergeCells count="3">
    <mergeCell ref="A1:G2"/>
    <mergeCell ref="A3:G3"/>
    <mergeCell ref="A9:G9"/>
  </mergeCells>
  <pageMargins left="0.7" right="0.7" top="0.75" bottom="0.75" header="0.3" footer="0.3"/>
  <pageSetup orientation="portrait" r:id="rId1"/>
  <tableParts count="2">
    <tablePart r:id="rId2"/>
    <tablePart r:id="rId3"/>
  </tablePart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B1DC33-84E4-4CCD-986A-61A0E6B64565}">
  <sheetPr codeName="Sheet5">
    <tabColor theme="9" tint="0.59999389629810485"/>
  </sheetPr>
  <dimension ref="A1:C9"/>
  <sheetViews>
    <sheetView topLeftCell="A3" workbookViewId="0">
      <selection activeCell="H10" sqref="H10"/>
    </sheetView>
  </sheetViews>
  <sheetFormatPr defaultRowHeight="15"/>
  <cols>
    <col min="1" max="1" width="10.28515625" style="30" customWidth="1"/>
    <col min="2" max="2" width="15.140625" style="30" customWidth="1"/>
    <col min="3" max="3" width="47.7109375" style="30" customWidth="1"/>
    <col min="4" max="16384" width="9.140625" style="30"/>
  </cols>
  <sheetData>
    <row r="1" spans="1:3" ht="62.25" customHeight="1">
      <c r="A1" s="85" t="s">
        <v>159</v>
      </c>
      <c r="B1" s="86"/>
      <c r="C1" s="87"/>
    </row>
    <row r="2" spans="1:3" ht="16.5">
      <c r="A2" s="31" t="s">
        <v>82</v>
      </c>
      <c r="B2" s="32" t="s">
        <v>83</v>
      </c>
      <c r="C2" s="33" t="s">
        <v>84</v>
      </c>
    </row>
    <row r="3" spans="1:3" ht="49.5">
      <c r="A3" s="34">
        <v>1</v>
      </c>
      <c r="B3" s="70" t="s">
        <v>160</v>
      </c>
      <c r="C3" s="36" t="s">
        <v>161</v>
      </c>
    </row>
    <row r="4" spans="1:3" ht="49.5">
      <c r="A4" s="34">
        <v>2</v>
      </c>
      <c r="B4" s="71" t="s">
        <v>162</v>
      </c>
      <c r="C4" s="36" t="s">
        <v>163</v>
      </c>
    </row>
    <row r="5" spans="1:3" ht="49.5">
      <c r="A5" s="34">
        <v>3</v>
      </c>
      <c r="B5" s="72" t="s">
        <v>164</v>
      </c>
      <c r="C5" s="36" t="s">
        <v>165</v>
      </c>
    </row>
    <row r="6" spans="1:3" ht="49.5">
      <c r="A6" s="34">
        <v>4</v>
      </c>
      <c r="B6" s="73" t="s">
        <v>166</v>
      </c>
      <c r="C6" s="36" t="s">
        <v>167</v>
      </c>
    </row>
    <row r="7" spans="1:3" ht="49.5">
      <c r="A7" s="40">
        <v>5</v>
      </c>
      <c r="B7" s="74" t="s">
        <v>168</v>
      </c>
      <c r="C7" s="42" t="s">
        <v>169</v>
      </c>
    </row>
    <row r="8" spans="1:3" ht="16.5">
      <c r="A8" s="88"/>
      <c r="B8" s="86"/>
      <c r="C8" s="87"/>
    </row>
    <row r="9" spans="1:3" ht="36" customHeight="1"/>
  </sheetData>
  <mergeCells count="2">
    <mergeCell ref="A1:C1"/>
    <mergeCell ref="A8:C8"/>
  </mergeCells>
  <pageMargins left="0.7" right="0.7" top="0.75" bottom="0.75" header="0.3" footer="0.3"/>
  <tableParts count="1">
    <tablePart r:id="rId1"/>
  </tablePart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DFDF76-20CB-483E-83AD-61A60C707C9A}">
  <sheetPr codeName="Sheet6"/>
  <dimension ref="A1:D26"/>
  <sheetViews>
    <sheetView workbookViewId="0">
      <pane ySplit="1" topLeftCell="A2" activePane="bottomLeft" state="frozen"/>
      <selection pane="bottomLeft" activeCell="A2" sqref="A2:A16"/>
    </sheetView>
  </sheetViews>
  <sheetFormatPr defaultColWidth="27.28515625" defaultRowHeight="15"/>
  <cols>
    <col min="1" max="16384" width="27.28515625" style="10"/>
  </cols>
  <sheetData>
    <row r="1" spans="1:4" s="9" customFormat="1">
      <c r="A1" s="9" t="s">
        <v>170</v>
      </c>
      <c r="B1" s="9" t="s">
        <v>171</v>
      </c>
      <c r="C1" s="9" t="s">
        <v>172</v>
      </c>
      <c r="D1" s="9" t="s">
        <v>173</v>
      </c>
    </row>
    <row r="2" spans="1:4" ht="30">
      <c r="A2" s="10" t="s">
        <v>174</v>
      </c>
      <c r="B2" s="10">
        <v>1</v>
      </c>
      <c r="C2" s="10" t="s">
        <v>175</v>
      </c>
      <c r="D2" s="10" t="s">
        <v>176</v>
      </c>
    </row>
    <row r="3" spans="1:4">
      <c r="A3" s="10" t="s">
        <v>177</v>
      </c>
      <c r="B3" s="10">
        <v>2</v>
      </c>
      <c r="C3" s="10" t="s">
        <v>178</v>
      </c>
      <c r="D3" s="10" t="s">
        <v>179</v>
      </c>
    </row>
    <row r="4" spans="1:4">
      <c r="A4" s="10" t="s">
        <v>180</v>
      </c>
      <c r="B4" s="10">
        <v>3</v>
      </c>
      <c r="C4" s="10" t="s">
        <v>178</v>
      </c>
    </row>
    <row r="5" spans="1:4" ht="30">
      <c r="A5" s="10" t="s">
        <v>181</v>
      </c>
      <c r="B5" s="10">
        <v>4</v>
      </c>
      <c r="C5" s="10" t="s">
        <v>182</v>
      </c>
    </row>
    <row r="6" spans="1:4" ht="30">
      <c r="A6" s="10" t="s">
        <v>183</v>
      </c>
      <c r="B6" s="10">
        <v>5</v>
      </c>
      <c r="C6" s="10" t="s">
        <v>184</v>
      </c>
    </row>
    <row r="7" spans="1:4" ht="45">
      <c r="A7" s="10" t="s">
        <v>185</v>
      </c>
      <c r="C7" s="10" t="s">
        <v>186</v>
      </c>
    </row>
    <row r="8" spans="1:4" ht="30">
      <c r="A8" s="10" t="s">
        <v>187</v>
      </c>
      <c r="C8" s="10" t="s">
        <v>188</v>
      </c>
    </row>
    <row r="9" spans="1:4" ht="30">
      <c r="A9" s="10" t="s">
        <v>189</v>
      </c>
      <c r="C9" s="10" t="s">
        <v>190</v>
      </c>
    </row>
    <row r="10" spans="1:4" ht="30">
      <c r="A10" s="10" t="s">
        <v>191</v>
      </c>
      <c r="C10" s="10" t="s">
        <v>192</v>
      </c>
    </row>
    <row r="11" spans="1:4" ht="30">
      <c r="A11" s="10" t="s">
        <v>193</v>
      </c>
      <c r="C11" s="10" t="s">
        <v>194</v>
      </c>
    </row>
    <row r="12" spans="1:4">
      <c r="A12" s="10" t="s">
        <v>195</v>
      </c>
      <c r="C12" s="10" t="s">
        <v>196</v>
      </c>
    </row>
    <row r="13" spans="1:4">
      <c r="A13" s="10" t="s">
        <v>197</v>
      </c>
      <c r="C13" s="10" t="s">
        <v>198</v>
      </c>
    </row>
    <row r="14" spans="1:4" ht="45">
      <c r="A14" s="10" t="s">
        <v>199</v>
      </c>
      <c r="C14" s="10" t="s">
        <v>200</v>
      </c>
    </row>
    <row r="15" spans="1:4" ht="30">
      <c r="A15" s="10" t="s">
        <v>201</v>
      </c>
      <c r="C15" s="10" t="s">
        <v>202</v>
      </c>
    </row>
    <row r="16" spans="1:4">
      <c r="A16" s="10" t="s">
        <v>203</v>
      </c>
      <c r="C16" s="10" t="s">
        <v>204</v>
      </c>
    </row>
    <row r="17" spans="3:3">
      <c r="C17" s="10" t="s">
        <v>205</v>
      </c>
    </row>
    <row r="18" spans="3:3">
      <c r="C18" s="10" t="s">
        <v>206</v>
      </c>
    </row>
    <row r="19" spans="3:3">
      <c r="C19" s="10" t="s">
        <v>207</v>
      </c>
    </row>
    <row r="20" spans="3:3">
      <c r="C20" s="10" t="s">
        <v>208</v>
      </c>
    </row>
    <row r="21" spans="3:3">
      <c r="C21" s="10" t="s">
        <v>209</v>
      </c>
    </row>
    <row r="22" spans="3:3">
      <c r="C22" s="10" t="s">
        <v>210</v>
      </c>
    </row>
    <row r="23" spans="3:3">
      <c r="C23" s="10" t="s">
        <v>211</v>
      </c>
    </row>
    <row r="24" spans="3:3">
      <c r="C24" s="10" t="s">
        <v>212</v>
      </c>
    </row>
    <row r="25" spans="3:3">
      <c r="C25" s="10" t="s">
        <v>213</v>
      </c>
    </row>
    <row r="26" spans="3:3">
      <c r="C26" s="10" t="s">
        <v>214</v>
      </c>
    </row>
  </sheetData>
  <pageMargins left="0.7" right="0.7" top="0.75" bottom="0.75" header="0.3" footer="0.3"/>
  <pageSetup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81FF0ACB89E72348A22C61A1BE2CF754" ma:contentTypeVersion="12" ma:contentTypeDescription="Create a new document." ma:contentTypeScope="" ma:versionID="3743069c68441fe65bad205412d2ca7e">
  <xsd:schema xmlns:xsd="http://www.w3.org/2001/XMLSchema" xmlns:xs="http://www.w3.org/2001/XMLSchema" xmlns:p="http://schemas.microsoft.com/office/2006/metadata/properties" xmlns:ns2="14cbd6ea-f476-40c5-9f45-0ad89a9c5df9" xmlns:ns3="e419c44a-7fa1-419d-848a-ad8c8c005d37" targetNamespace="http://schemas.microsoft.com/office/2006/metadata/properties" ma:root="true" ma:fieldsID="0fe49e7ba2ab0000e72a3150f2999a58" ns2:_="" ns3:_="">
    <xsd:import namespace="14cbd6ea-f476-40c5-9f45-0ad89a9c5df9"/>
    <xsd:import namespace="e419c44a-7fa1-419d-848a-ad8c8c005d37"/>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MediaLengthInSeconds" minOccurs="0"/>
                <xsd:element ref="ns3:MediaServiceObjectDetectorVersions" minOccurs="0"/>
                <xsd:element ref="ns3:MediaServiceGenerationTime" minOccurs="0"/>
                <xsd:element ref="ns3:MediaServiceEventHashCode" minOccurs="0"/>
                <xsd:element ref="ns3:lcf76f155ced4ddcb4097134ff3c332f" minOccurs="0"/>
                <xsd:element ref="ns2:TaxCatchAll"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4cbd6ea-f476-40c5-9f45-0ad89a9c5df9"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TaxCatchAll" ma:index="18" nillable="true" ma:displayName="Taxonomy Catch All Column" ma:hidden="true" ma:list="{2fb1f8d5-d78d-4040-8a61-126b05e6c845}" ma:internalName="TaxCatchAll" ma:showField="CatchAllData" ma:web="14cbd6ea-f476-40c5-9f45-0ad89a9c5df9">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e419c44a-7fa1-419d-848a-ad8c8c005d37"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LengthInSeconds" ma:index="12" nillable="true" ma:displayName="MediaLengthInSeconds" ma:hidden="true" ma:internalName="MediaLengthInSeconds" ma:readOnly="true">
      <xsd:simpleType>
        <xsd:restriction base="dms:Unknown"/>
      </xsd:simpleType>
    </xsd:element>
    <xsd:element name="MediaServiceObjectDetectorVersions" ma:index="13" nillable="true" ma:displayName="MediaServiceObjectDetectorVersions" ma:hidden="true" ma:indexed="true" ma:internalName="MediaServiceObjectDetectorVersion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lcf76f155ced4ddcb4097134ff3c332f" ma:index="17" nillable="true" ma:taxonomy="true" ma:internalName="lcf76f155ced4ddcb4097134ff3c332f" ma:taxonomyFieldName="MediaServiceImageTags" ma:displayName="Image Tags" ma:readOnly="false" ma:fieldId="{5cf76f15-5ced-4ddc-b409-7134ff3c332f}" ma:taxonomyMulti="true" ma:sspId="8f56e16d-c432-4cf6-8b33-9e930b53c5f2" ma:termSetId="09814cd3-568e-fe90-9814-8d621ff8fb84" ma:anchorId="fba54fb3-c3e1-fe81-a776-ca4b69148c4d" ma:open="true" ma:isKeyword="false">
      <xsd:complexType>
        <xsd:sequence>
          <xsd:element ref="pc:Terms" minOccurs="0" maxOccurs="1"/>
        </xsd:sequence>
      </xsd:complexType>
    </xsd:element>
    <xsd:element name="MediaServiceOCR" ma:index="19"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1 6 " ? > < D a t a M a s h u p   x m l n s = " h t t p : / / s c h e m a s . m i c r o s o f t . c o m / D a t a M a s h u p " > A A A A A B M D A A B Q S w M E F A A C A A g A a X T 2 U i o e J 9 O j A A A A 9 Q A A A B I A H A B D b 2 5 m a W c v U G F j a 2 F n Z S 5 4 b W w g o h g A K K A U A A A A A A A A A A A A A A A A A A A A A A A A A A A A h Y + x D o I w G I R f h X S n L e h A y E 8 Z X C U x I R r X p l R s h B 9 D i + X d H H w k X 0 G M o m 6 O d 9 9 d c n e / 3 i A f 2 y a 4 6 N 6 a D j M S U U 4 C j a q r D N Y Z G d w h T E g u Y C P V S d Y 6 m M J o 0 9 G a j B y d O 6 e M e e + p X 9 C u r 1 n M e c T 2 x b p U R 9 3 K 0 K B 1 E p U m n 1 b 1 v 0 U E 7 F 5 j R E y T J U 3 4 N A n Y 7 E F h 8 M v j i T 3 p j w m r o X F D r 4 X G c F s C m y W w 9 w X x A F B L A w Q U A A I A C A B p d P Z S D 8 r p q 6 Q A A A D p A A A A E w A c A F t D b 2 5 0 Z W 5 0 X 1 R 5 c G V z X S 5 4 b W w g o h g A K K A U A A A A A A A A A A A A A A A A A A A A A A A A A A A A b Y 5 L D s I w D E S v E n m f u r B A C D V l A d y A C 0 T B / Y j m o 8 Z F 4 W w s O B J X I G 1 3 i K V n 5 n n m 8 3 p X x 2 Q H 8 a A x 9 t 4 p 2 B Q l C H L G 3 3 r X K p i 4 k X s 4 1 t X 1 G S i K H H V R Q c c c D o j R d G R 1 L H w g l 5 3 G j 1 Z z P s c W g z Z 3 3 R J u y 3 K H x j s m x 5 L n H 1 B X Z 2 r 0 N L C 4 p C y v t R k H c V p z c 5 U C p s S 4 y P i X s D 9 5 H c L Q G 8 3 Z x C R t l H Y h c R l e f w F Q S w M E F A A C A A g A a X T 2 U i i K R 7 g O A A A A E Q A A A B M A H A B G b 3 J t d W x h c y 9 T Z W N 0 a W 9 u M S 5 t I K I Y A C i g F A A A A A A A A A A A A A A A A A A A A A A A A A A A A C t O T S 7 J z M 9 T C I b Q h t Y A U E s B A i 0 A F A A C A A g A a X T 2 U i o e J 9 O j A A A A 9 Q A A A B I A A A A A A A A A A A A A A A A A A A A A A E N v b m Z p Z y 9 Q Y W N r Y W d l L n h t b F B L A Q I t A B Q A A g A I A G l 0 9 l I P y u m r p A A A A O k A A A A T A A A A A A A A A A A A A A A A A O 8 A A A B b Q 2 9 u d G V u d F 9 U e X B l c 1 0 u e G 1 s U E s B A i 0 A F A A C A A g A a X T 2 U i i K R 7 g O A A A A E Q A A A B M A A A A A A A A A A A A A A A A A 4 A E A A E Z v c m 1 1 b G F z L 1 N l Y 3 R p b 2 4 x L m 1 Q S w U G A A A A A A M A A w D C A A A A O w I A A A A A E A E A A O + 7 v z w / e G 1 s I H Z l c n N p b 2 4 9 I j E u M C I g Z W 5 j b 2 R p b m c 9 I n V 0 Z i 0 4 I j 8 + P F B l c m 1 p c 3 N p b 2 5 M a X N 0 I H h t b G 5 z O n h z a T 0 i a H R 0 c D o v L 3 d 3 d y 5 3 M y 5 v c m c v M j A w M S 9 Y T U x T Y 2 h l b W E t a W 5 z d G F u Y 2 U i I H h t b G 5 z O n h z Z D 0 i a H R 0 c D o v L 3 d 3 d y 5 3 M y 5 v c m c v M j A w M S 9 Y T U x T Y 2 h l b W E i P j x D Y W 5 F d m F s d W F 0 Z U Z 1 d H V y Z V B h Y 2 t h Z 2 V z P m Z h b H N l P C 9 D Y W 5 F d m F s d W F 0 Z U Z 1 d H V y Z V B h Y 2 t h Z 2 V z P j x G a X J l d 2 F s b E V u Y W J s Z W Q + d H J 1 Z T w v R m l y Z X d h b G x F b m F i b G V k P j w v U G V y b W l z c 2 l v b k x p c 3 Q + l w E A A A A A A A B 1 A Q A A 7 7 u / P D 9 4 b W w g d m V y c 2 l v b j 0 i M S 4 w I i B l b m N v Z G l u Z z 0 i d X R m L T g i P z 4 8 T G 9 j Y W x Q Y W N r Y W d l T W V 0 Y W R h d G F G a W x l I H h t b G 5 z O n h z a T 0 i a H R 0 c D o v L 3 d 3 d y 5 3 M y 5 v c m c v M j A w M S 9 Y T U x T Y 2 h l b W E t a W 5 z d G F u Y 2 U i I H h t b G 5 z O n h z Z D 0 i a H R 0 c D o v L 3 d 3 d y 5 3 M y 5 v c m c v M j A w M S 9 Y T U x T Y 2 h l b W E i P j x J d G V t c z 4 8 S X R l b T 4 8 S X R l b U x v Y 2 F 0 a W 9 u P j x J d G V t V H l w Z T 5 B b G x G b 3 J t d W x h c z w v S X R l b V R 5 c G U + P E l 0 Z W 1 Q Y X R o I C 8 + P C 9 J d G V t T G 9 j Y X R p b 2 4 + P F N 0 Y W J s Z U V u d H J p Z X M + P E V u d H J 5 I F R 5 c G U 9 I l J l b G F 0 a W 9 u c 2 h p c H M i I F Z h b H V l P S J z Q U F B Q U F B P T 0 i I C 8 + P C 9 T d G F i b G V F b n R y a W V z P j w v S X R l b T 4 8 L 0 l 0 Z W 1 z P j w v T G 9 j Y W x Q Y W N r Y W d l T W V 0 Y W R h d G F G a W x l P h Y A A A B Q S w U G A A A A A A A A A A A A A A A A A A A A A A A A 2 g A A A A E A A A D Q j J 3 f A R X R E Y x 6 A M B P w p f r A Q A A A F C Z n o 4 Q w j B K r I F c x u H Q Z N 0 A A A A A A g A A A A A A A 2 Y A A M A A A A A Q A A A A d w d J y U 3 S L 2 t 1 j 4 H M X R a D 5 Q A A A A A E g A A A o A A A A B A A A A A 0 y m X D F B 5 m 7 B + 9 v v g B U l 0 Y U A A A A J J m L / 0 O E l + 4 d c L N X y d P D W L U B 8 B + H L T v n f N P o + U Q K S c R 2 Z b w 0 K b B H q R h E + S s K X I Y E O v A z / / q h W c 4 B D s 1 x x F o i V p K e c c U d C p A 6 v W m t Z c t 0 4 D p F A A A A O 7 k J 7 Q o q Z X m z q s z l I d t p D r X k C O C < / D a t a M a s h u p > 
</file>

<file path=customXml/item4.xml><?xml version="1.0" encoding="utf-8"?>
<p:properties xmlns:p="http://schemas.microsoft.com/office/2006/metadata/properties" xmlns:xsi="http://www.w3.org/2001/XMLSchema-instance" xmlns:pc="http://schemas.microsoft.com/office/infopath/2007/PartnerControls">
  <documentManagement>
    <SharedWithUsers xmlns="14cbd6ea-f476-40c5-9f45-0ad89a9c5df9">
      <UserInfo>
        <DisplayName>Beebe, Lee@DOT</DisplayName>
        <AccountId>12</AccountId>
        <AccountType/>
      </UserInfo>
      <UserInfo>
        <DisplayName>Lyday, Nathaniel@DOT</DisplayName>
        <AccountId>14</AccountId>
        <AccountType/>
      </UserInfo>
    </SharedWithUsers>
    <TaxCatchAll xmlns="14cbd6ea-f476-40c5-9f45-0ad89a9c5df9" xsi:nil="true"/>
    <lcf76f155ced4ddcb4097134ff3c332f xmlns="e419c44a-7fa1-419d-848a-ad8c8c005d37">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663C661F-9213-476F-A1E9-415E8CCEDD73}"/>
</file>

<file path=customXml/itemProps2.xml><?xml version="1.0" encoding="utf-8"?>
<ds:datastoreItem xmlns:ds="http://schemas.openxmlformats.org/officeDocument/2006/customXml" ds:itemID="{85325D73-475F-4BA2-84B2-9CF328831C03}"/>
</file>

<file path=customXml/itemProps3.xml><?xml version="1.0" encoding="utf-8"?>
<ds:datastoreItem xmlns:ds="http://schemas.openxmlformats.org/officeDocument/2006/customXml" ds:itemID="{7191AEEA-7458-4100-9087-8F41051F8D48}"/>
</file>

<file path=customXml/itemProps4.xml><?xml version="1.0" encoding="utf-8"?>
<ds:datastoreItem xmlns:ds="http://schemas.openxmlformats.org/officeDocument/2006/customXml" ds:itemID="{19F136F2-2780-459F-BEE0-853544C991BF}"/>
</file>

<file path=docProps/app.xml><?xml version="1.0" encoding="utf-8"?>
<Properties xmlns="http://schemas.openxmlformats.org/officeDocument/2006/extended-properties" xmlns:vt="http://schemas.openxmlformats.org/officeDocument/2006/docPropsVTypes">
  <Application>Microsoft Excel Online</Application>
  <Manager/>
  <Company/>
  <HyperlinkBase/>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yday, Nathaniel@DOT</dc:creator>
  <cp:keywords/>
  <dc:description/>
  <cp:lastModifiedBy>Lyday, Nathaniel@DOT</cp:lastModifiedBy>
  <cp:revision/>
  <dcterms:created xsi:type="dcterms:W3CDTF">2019-01-11T23:26:05Z</dcterms:created>
  <dcterms:modified xsi:type="dcterms:W3CDTF">2023-05-30T22:06:4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1FF0ACB89E72348A22C61A1BE2CF754</vt:lpwstr>
  </property>
  <property fmtid="{D5CDD505-2E9C-101B-9397-08002B2CF9AE}" pid="3" name="xd_ProgID">
    <vt:lpwstr/>
  </property>
  <property fmtid="{D5CDD505-2E9C-101B-9397-08002B2CF9AE}" pid="4" name="ComplianceAssetId">
    <vt:lpwstr/>
  </property>
  <property fmtid="{D5CDD505-2E9C-101B-9397-08002B2CF9AE}" pid="5" name="TemplateUrl">
    <vt:lpwstr/>
  </property>
  <property fmtid="{D5CDD505-2E9C-101B-9397-08002B2CF9AE}" pid="6" name="_ExtendedDescription">
    <vt:lpwstr/>
  </property>
  <property fmtid="{D5CDD505-2E9C-101B-9397-08002B2CF9AE}" pid="7" name="TriggerFlowInfo">
    <vt:lpwstr/>
  </property>
  <property fmtid="{D5CDD505-2E9C-101B-9397-08002B2CF9AE}" pid="8" name="xd_Signature">
    <vt:bool>false</vt:bool>
  </property>
  <property fmtid="{D5CDD505-2E9C-101B-9397-08002B2CF9AE}" pid="9" name="Order">
    <vt:r8>4900</vt:r8>
  </property>
  <property fmtid="{D5CDD505-2E9C-101B-9397-08002B2CF9AE}" pid="10" name="SharedWithUsers">
    <vt:lpwstr>12;#Beebe, Lee@DOT;#14;#Lyday, Nathaniel@DOT</vt:lpwstr>
  </property>
</Properties>
</file>